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236_2025 Drenážne katétre\05. Josephine\01. Vyhlasenie\"/>
    </mc:Choice>
  </mc:AlternateContent>
  <bookViews>
    <workbookView xWindow="-120" yWindow="-120" windowWidth="29040" windowHeight="15840" tabRatio="972" activeTab="9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35" r:id="rId5"/>
    <sheet name="Príloha č.6" sheetId="34" r:id="rId6"/>
    <sheet name="Príloha č.7" sheetId="36" r:id="rId7"/>
    <sheet name="Príloha č.8 " sheetId="46" r:id="rId8"/>
    <sheet name="Príloha č.9" sheetId="53" r:id="rId9"/>
    <sheet name="Príloha č.10" sheetId="54" r:id="rId10"/>
  </sheets>
  <definedNames>
    <definedName name="_xlnm.Print_Area" localSheetId="0">'Príloha č.1'!$B$1:$E$28</definedName>
    <definedName name="_xlnm.Print_Area" localSheetId="9">'Príloha č.10'!$A$1:$N$54</definedName>
    <definedName name="_xlnm.Print_Area" localSheetId="1">'Príloha č.2'!$B$1:$E$25</definedName>
    <definedName name="_xlnm.Print_Area" localSheetId="2">'Príloha č.3'!$B$1:$E$26</definedName>
    <definedName name="_xlnm.Print_Area" localSheetId="3">'Príloha č.4'!$B$1:$E$24</definedName>
    <definedName name="_xlnm.Print_Area" localSheetId="4">'Príloha č.5'!$B$1:$E$22</definedName>
    <definedName name="_xlnm.Print_Area" localSheetId="5">'Príloha č.6'!$B$1:$E$26</definedName>
    <definedName name="_xlnm.Print_Area" localSheetId="6">'Príloha č.7'!$B$1:$F$34</definedName>
    <definedName name="_xlnm.Print_Area" localSheetId="7">'Príloha č.8 '!$A$1:$H$74</definedName>
    <definedName name="_xlnm.Print_Area" localSheetId="8">'Príloha č.9'!$A$1:$P$32</definedName>
  </definedNames>
  <calcPr calcId="152511"/>
</workbook>
</file>

<file path=xl/calcChain.xml><?xml version="1.0" encoding="utf-8"?>
<calcChain xmlns="http://schemas.openxmlformats.org/spreadsheetml/2006/main">
  <c r="F63" i="46" l="1"/>
  <c r="D6" i="6"/>
  <c r="F29" i="36"/>
  <c r="C26" i="36"/>
  <c r="C25" i="36"/>
  <c r="M9" i="53" l="1"/>
  <c r="O11" i="53"/>
  <c r="M11" i="53"/>
  <c r="N11" i="53" s="1"/>
  <c r="P11" i="53" s="1"/>
  <c r="O10" i="53" l="1"/>
  <c r="O12" i="53"/>
  <c r="M10" i="53"/>
  <c r="N10" i="53" s="1"/>
  <c r="P10" i="53" s="1"/>
  <c r="M12" i="53"/>
  <c r="N12" i="53" s="1"/>
  <c r="P12" i="53" s="1"/>
  <c r="F49" i="54" l="1"/>
  <c r="C47" i="54"/>
  <c r="C46" i="54"/>
  <c r="D44" i="54"/>
  <c r="D43" i="54"/>
  <c r="D42" i="54"/>
  <c r="D41" i="54"/>
  <c r="B2" i="54"/>
  <c r="F24" i="53"/>
  <c r="C22" i="53"/>
  <c r="C21" i="53"/>
  <c r="D19" i="53"/>
  <c r="D18" i="53"/>
  <c r="D17" i="53"/>
  <c r="D16" i="53"/>
  <c r="O9" i="53"/>
  <c r="O13" i="53" s="1"/>
  <c r="N9" i="53"/>
  <c r="P9" i="53" s="1"/>
  <c r="P13" i="53" s="1"/>
  <c r="B2" i="53"/>
  <c r="G72" i="46" l="1"/>
  <c r="C70" i="46"/>
  <c r="C69" i="46"/>
  <c r="F66" i="46"/>
  <c r="F65" i="46"/>
  <c r="F64" i="46"/>
  <c r="B2" i="46"/>
  <c r="E18" i="34" l="1"/>
  <c r="C15" i="34"/>
  <c r="C14" i="34"/>
  <c r="E19" i="35"/>
  <c r="E20" i="21"/>
  <c r="C16" i="35"/>
  <c r="C15" i="35"/>
  <c r="C17" i="21"/>
  <c r="C16" i="21"/>
  <c r="E8" i="36"/>
  <c r="E7" i="36"/>
  <c r="E6" i="36"/>
  <c r="E5" i="36"/>
  <c r="B2" i="36"/>
  <c r="D9" i="35" l="1"/>
  <c r="D8" i="35"/>
  <c r="D7" i="35"/>
  <c r="D6" i="35"/>
  <c r="B2" i="35"/>
  <c r="D9" i="34" l="1"/>
  <c r="D8" i="34"/>
  <c r="D7" i="34"/>
  <c r="D6" i="34"/>
  <c r="B2" i="34"/>
  <c r="D6" i="21" l="1"/>
  <c r="E21" i="18" l="1"/>
  <c r="C15" i="18"/>
  <c r="D6" i="18"/>
  <c r="D9" i="21" l="1"/>
  <c r="D8" i="21"/>
  <c r="D7" i="21"/>
  <c r="B2" i="21"/>
  <c r="C16" i="18" l="1"/>
  <c r="D9" i="18"/>
  <c r="D8" i="18"/>
  <c r="D7" i="18"/>
  <c r="E21" i="6" l="1"/>
  <c r="D7" i="6"/>
  <c r="D8" i="6"/>
  <c r="C19" i="6" l="1"/>
  <c r="C18" i="6"/>
  <c r="D9" i="6"/>
  <c r="B2" i="18" l="1"/>
  <c r="B2" i="6"/>
  <c r="E93" i="5" l="1"/>
</calcChain>
</file>

<file path=xl/sharedStrings.xml><?xml version="1.0" encoding="utf-8"?>
<sst xmlns="http://schemas.openxmlformats.org/spreadsheetml/2006/main" count="435" uniqueCount="150">
  <si>
    <t>1.</t>
  </si>
  <si>
    <t>2.</t>
  </si>
  <si>
    <t>3.</t>
  </si>
  <si>
    <t>4.</t>
  </si>
  <si>
    <t>5.</t>
  </si>
  <si>
    <t>Názov predmetu zákazky:</t>
  </si>
  <si>
    <t>IDENTIFIKAČNÉ ÚDAJE UCHÁDZAČA</t>
  </si>
  <si>
    <t>IČO:</t>
  </si>
  <si>
    <t>DIČ:</t>
  </si>
  <si>
    <t>Meno a priezvisko:</t>
  </si>
  <si>
    <t>Telefónne číslo:</t>
  </si>
  <si>
    <t>E-mail:</t>
  </si>
  <si>
    <t>V:</t>
  </si>
  <si>
    <t xml:space="preserve">Dňa: </t>
  </si>
  <si>
    <t>Poznámka:</t>
  </si>
  <si>
    <t>- povinné údaje vyplní uchádzač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 xml:space="preserve"> </t>
  </si>
  <si>
    <t>Týmto potvrdzujem, že všetky uvedené informácie sú pravdivé.</t>
  </si>
  <si>
    <t>a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8.</t>
  </si>
  <si>
    <t>Názov položky</t>
  </si>
  <si>
    <t>13.</t>
  </si>
  <si>
    <t>14.</t>
  </si>
  <si>
    <t>KALKULÁCIA CENY A NÁVRH NA PLNENIE KRITÉRIA NA VYHODNOTENIE PONÚK</t>
  </si>
  <si>
    <t>bez DPH</t>
  </si>
  <si>
    <t>sadzba DPH
v %</t>
  </si>
  <si>
    <t>s DPH</t>
  </si>
  <si>
    <t>- kritérium</t>
  </si>
  <si>
    <t>SORTIMENT PONÚKANÉHO TOVARU</t>
  </si>
  <si>
    <t>Obchodné meno/Názov uchádzača:</t>
  </si>
  <si>
    <t>Sídlo/Miesto podnikania:</t>
  </si>
  <si>
    <t>Podpis a pečiatka:</t>
  </si>
  <si>
    <t>VYHLÁSENIE UCHÁDZAČA
O ZÁPISE DO ZHS</t>
  </si>
  <si>
    <t>Obchodný názov uchádzača:</t>
  </si>
  <si>
    <t>Sídlo uchádzača:</t>
  </si>
  <si>
    <t>Registračné číslo:</t>
  </si>
  <si>
    <t>Uchádzač vo verejnom obstarávaní na uvedený predmet zákazky týmto vyhlasuje, že je zapísaný
v zozname hospodárskych subjektov.</t>
  </si>
  <si>
    <t>VYHLÁSENIE UCHÁDZAČA
VO VEREJNOM OBSTARÁVANÍ</t>
  </si>
  <si>
    <t xml:space="preserve">VYHLÁSENIE UCHÁDZAČA
KU KONFLIKTOM ZÁUJMOV </t>
  </si>
  <si>
    <t xml:space="preserve">nemám uložený zákaz účasti vo verejnom obstarávaní potvrdený konečným rozhodnutím
v Slovenskej republike a v štáte sídla, miesta podnikania alebo  obvyklého pobytu.    </t>
  </si>
  <si>
    <t>Ako uchádzač v tomto verejnom obstarávaní čestne vyhlasujem, že</t>
  </si>
  <si>
    <t xml:space="preserve">I. </t>
  </si>
  <si>
    <t>II.</t>
  </si>
  <si>
    <t>ČESTNÉ VYHLÁSENIE UCHÁDZAČA
podľa § 32 ods. 7 a 8 zákona č. 343/2015 Z. z. o verejnom obstarávaní</t>
  </si>
  <si>
    <r>
      <rPr>
        <b/>
        <i/>
        <u/>
        <sz val="9"/>
        <color theme="1"/>
        <rFont val="Arial"/>
        <family val="2"/>
        <charset val="238"/>
      </rPr>
      <t>nie je</t>
    </r>
    <r>
      <rPr>
        <i/>
        <sz val="9"/>
        <color theme="1"/>
        <rFont val="Arial"/>
        <family val="2"/>
        <charset val="238"/>
      </rPr>
      <t xml:space="preserve"> mi známa iná osoba podľa § 32 odseku 7 a 8 zákona o verejnom obstarávaní, ktorá zároveň musí spĺňať podmienky účasti podľa § 32 odseku 1 písm. a) zákona o verejnom obstarávaní.</t>
    </r>
  </si>
  <si>
    <r>
      <rPr>
        <b/>
        <i/>
        <u/>
        <sz val="9"/>
        <color theme="1"/>
        <rFont val="Arial"/>
        <family val="2"/>
        <charset val="238"/>
      </rPr>
      <t>sú</t>
    </r>
    <r>
      <rPr>
        <i/>
        <sz val="9"/>
        <color theme="1"/>
        <rFont val="Arial"/>
        <family val="2"/>
        <charset val="238"/>
      </rPr>
      <t xml:space="preserve"> mi známe iné osoby podľa § 32 odseku 7 a 8 zákona o verejnom obstarávaní, ktoré zároveň musia spĺňať podmienky účasti podľa§ 32 odseku 1 písm. a) zákona o verejnom obstarávaní:</t>
    </r>
  </si>
  <si>
    <t>Mená osôb, ktoré podľa § 32 odseku 7 a 8 zákona o verejnom obstarávaní musia spĺňať podmienky účasti podľa § 32 odseku 1 písm. a) zákona o verejnom obstarávaní.</t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spĺňajú</t>
    </r>
    <r>
      <rPr>
        <sz val="9"/>
        <color indexed="8"/>
        <rFont val="Arial"/>
        <family val="2"/>
        <charset val="238"/>
      </rPr>
      <t xml:space="preserve"> podmienky účasti podľa § 32 odseku 1
písm. a) zákona o verejnom obstarávaní.</t>
    </r>
  </si>
  <si>
    <r>
      <t xml:space="preserve">Čestne vyhlasujem, že osoby uvedené vyššie </t>
    </r>
    <r>
      <rPr>
        <b/>
        <u/>
        <sz val="9"/>
        <color rgb="FF000000"/>
        <rFont val="Arial"/>
        <family val="2"/>
        <charset val="238"/>
      </rPr>
      <t>nespĺňajú</t>
    </r>
    <r>
      <rPr>
        <sz val="9"/>
        <color indexed="8"/>
        <rFont val="Arial"/>
        <family val="2"/>
        <charset val="238"/>
      </rPr>
      <t xml:space="preserve"> podmienky účasti podľa § 32 odseku 1 písm. a) zákona o verejnom obstarávaní.</t>
    </r>
  </si>
  <si>
    <t>VYHLÁSENIE UCHÁDZAČA
O NEULOŽENOM ZÁKAZE ÚČASTI
VO VEREJNOM OBSTARÁVANÍ</t>
  </si>
  <si>
    <t xml:space="preserve">Kontaktná osoba uchádzača </t>
  </si>
  <si>
    <t>som dôkladne oboznámený s celým obsahom Výzvy na predkladanie ponúk a s celým obsahom všetkých ostatných dokumentov poskytnutých verejným obstarávateľom,</t>
  </si>
  <si>
    <t>súhlasím s podmienkami určenými verejným obstarávateľom v tomto verejnom obstarávaní uvedené vo Výzve na predkladanie ponúk a v prílohách k tejto výzve,</t>
  </si>
  <si>
    <t>poskytnem verejnému obstarávateľovi za úhradu plnenie požadovaného predmetu zákazky pri dodržaní podmienok stanovených vo Výzve na predkladanie ponúk a podmienok uvedených v mojom predloženom návrhu záväzných zmluvných podmienok na uvedený predmet zákazky, vrátane príloh,</t>
  </si>
  <si>
    <t>Jednotková cena za MJ v EUR</t>
  </si>
  <si>
    <t>Katalógové číslo</t>
  </si>
  <si>
    <t>ŠUKL</t>
  </si>
  <si>
    <t>Obchodný názov ponúkaného produktu</t>
  </si>
  <si>
    <t>Merná jednotka
(MJ)</t>
  </si>
  <si>
    <t>Uchádzač vo verejnom obstarávaní na uvedený predmet zákazky týmto vyhlasuje, že s návrhom zmluvných podmienok uvedených v Prílohe č. 11 Výzvy na predkladanie ponúk bez výhrad SÚHLASÍ.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</t>
    </r>
  </si>
  <si>
    <t>spĺňa / nespĺňa</t>
  </si>
  <si>
    <t>Uchádzač je povinný produkt s najvyššou zmluvnou jednotkovou cenou bez DPH uvedený u príslušnej položky viditeľne označiť žltým podfarbením celého riadku.</t>
  </si>
  <si>
    <t>DPH v %</t>
  </si>
  <si>
    <t xml:space="preserve">Merná 
jednotka
(MJ)               </t>
  </si>
  <si>
    <t>Číslo 
rozhodnutia</t>
  </si>
  <si>
    <t>Kategorizačný
kód</t>
  </si>
  <si>
    <t>Názov výrobcu ponúkaného produktu</t>
  </si>
  <si>
    <t>Výška DPH</t>
  </si>
  <si>
    <t>Celková cena za predpokladaný 
počet MJ v EUR</t>
  </si>
  <si>
    <t>Jednotková cena za predpokladaný 
počet MJ v EUR</t>
  </si>
  <si>
    <t>Kód MZ SR</t>
  </si>
  <si>
    <t>ks</t>
  </si>
  <si>
    <t xml:space="preserve">Predpokladané množstvo MJ   
na 36 mesiacov         </t>
  </si>
  <si>
    <t xml:space="preserve">Predpokladané množstvo MJ   
na 36 mesiacov     </t>
  </si>
  <si>
    <t xml:space="preserve">7.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by mohli viesť k zvýhodneniu nášho postavenia vo verejnom obstarávaní,</t>
  </si>
  <si>
    <t>Drenážne katétre</t>
  </si>
  <si>
    <t>Drenážny katéter, typ 1</t>
  </si>
  <si>
    <t>Drenážny katéter, typ 2</t>
  </si>
  <si>
    <t>Drenážny katéter, typ 3</t>
  </si>
  <si>
    <t>Drenážny katéter, typ 4</t>
  </si>
  <si>
    <t>Predpokladané množstvo MJ na 36 mesiacov</t>
  </si>
  <si>
    <t>Celková cena</t>
  </si>
  <si>
    <t>Sortiment položky č. 1  -  Drenážny katéter, typ 1</t>
  </si>
  <si>
    <t>Sortiment položky č. 2 - Drenážny katéter, typ 2</t>
  </si>
  <si>
    <t>Sortiment položky č. 3 - Drenážny katéter, typ 3</t>
  </si>
  <si>
    <t>Sortiment položky č. 4 - Drenážny katéter, typ 4</t>
  </si>
  <si>
    <t>Položka č. 1 -  Drenážny katéter, typ 1</t>
  </si>
  <si>
    <t>Položka č. 2 - Drenážny katéter, typ 2</t>
  </si>
  <si>
    <t>Položka č. 3 - Drenážny katéter, typ 3</t>
  </si>
  <si>
    <t>2.1</t>
  </si>
  <si>
    <t>5.1</t>
  </si>
  <si>
    <t>6.1</t>
  </si>
  <si>
    <t>6.2</t>
  </si>
  <si>
    <t>6.3</t>
  </si>
  <si>
    <t>6.4</t>
  </si>
  <si>
    <t>Veľkosť drénu: 24 - 25 CH</t>
  </si>
  <si>
    <t>Dĺžka drénu: min. 50 cm max. 70 cm</t>
  </si>
  <si>
    <t>v celej dĺžke drénu RTG značenie</t>
  </si>
  <si>
    <t>Vnútorný priemer drénu: 0,50 cm (tolerancia +/- 0,1 cm)</t>
  </si>
  <si>
    <t>Vonkajší priemer drénu: 0,80 cm (tolerancia +/- 0,1 cm)</t>
  </si>
  <si>
    <t>Materiál: 100 % silicon</t>
  </si>
  <si>
    <t>hrúbka silikónu: 0,10 cm</t>
  </si>
  <si>
    <t>Na začiatku drénu 4 až 6 oválnych otvorov, pričom:</t>
  </si>
  <si>
    <t>dĺžka jedného otvoru: 1 cm (tolerancia +/- 0,2 cm)</t>
  </si>
  <si>
    <t>šírka jedného otvoru: 0,60 cm (tolerancia +/- 0,2 cm)</t>
  </si>
  <si>
    <t>rozpätie medzi jednotlivými otvormi: 1,50 cm (tolerancia +/- 0,2 cm)</t>
  </si>
  <si>
    <t>protismerné rozmiestnenie otvorov po obvode drénu</t>
  </si>
  <si>
    <t>Veľkosť drénu: 27 - 28 CH</t>
  </si>
  <si>
    <t>Vonkajší priemer drénu: 0,86 cm (tolerancia +/- 0,1 cm)</t>
  </si>
  <si>
    <t>hrúbka silikónu: 0,20 cm (tolerancia +/- 0,1 cm)</t>
  </si>
  <si>
    <t>šírka jedného otvoru: 0,70 cm (tolerancia +/- 0,1 cm)</t>
  </si>
  <si>
    <t xml:space="preserve">Položka predmetu zákazky musí byť zabalená v sterilnom obale s peel efektom otvárania, ktorý musí obsahovať minimálne tieto údaje: názov, veľkosť, exspiráciu, katalógové číslo a naznačenie otvárania.
</t>
  </si>
  <si>
    <t>Veľkosť drénu: 30 - 32 CH</t>
  </si>
  <si>
    <t>Vnútorný priemer drénu: 0,70 cm (tolerancia +/- 0,1 cm)</t>
  </si>
  <si>
    <t>Vonkajší priemer drénu: 1 cm (tolerancia +/- 0,1 cm)</t>
  </si>
  <si>
    <t>dĺžka jedného otvoru: 1,20 cm (tolerancia +0,2/- 0,4 cm)</t>
  </si>
  <si>
    <t>šírka jedného otvoru: 0,90 cm (tolerancia +0,2/- 0,3 cm)</t>
  </si>
  <si>
    <t xml:space="preserve">Položka predmetu zákazky musí byť zabalená v sterilnom obale s peel efektom otvárania, ktorý Položka musí obsahovať minimálne  tieto údaje: názov, veľkosť, exspiráciu, katalógové číslo a naznačenie otvárania.
</t>
  </si>
  <si>
    <t>Položka č. 4 - Drenážny katéter, typ 4</t>
  </si>
  <si>
    <t>PVC katéter dĺžky 45 cm s vonkajším diametrom 9,3 mm (28CH)</t>
  </si>
  <si>
    <t xml:space="preserve">Priehľadný </t>
  </si>
  <si>
    <t xml:space="preserve">Termosenzitívny </t>
  </si>
  <si>
    <t>Vysoko hemokompatibilný a s vynikajúcou biokompatibilitou</t>
  </si>
  <si>
    <t>Katéter obsahuje RTG kontrastné čiary, ktoré napomáhajú presnému umiesteniu katétra so stupnicou s 2 cm škálovaním</t>
  </si>
  <si>
    <t xml:space="preserve">Eliptické bočné otvory a otvorený distálny koniec pomáhajú minimalizovať oklúziu a podporujú evakuáciu tekutín </t>
  </si>
  <si>
    <t xml:space="preserve">Proximálna časť katétra obsahuje modrý kontektor, ktorý sa môže formovať do požadovaného tvaru (napr. lievik) </t>
  </si>
  <si>
    <t>Sterilne balené, súčasťou balenia je bikónická spojka na pripojenie k hrudným drenážnym systémom</t>
  </si>
  <si>
    <t>hodnota ponúkaného  produkt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43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indexed="8"/>
      <name val="Arial"/>
      <family val="2"/>
      <charset val="238"/>
    </font>
    <font>
      <sz val="9"/>
      <color rgb="FFFF0000"/>
      <name val="Arial"/>
      <family val="2"/>
      <charset val="238"/>
    </font>
    <font>
      <b/>
      <u/>
      <sz val="9"/>
      <color rgb="FF000000"/>
      <name val="Arial"/>
      <family val="2"/>
      <charset val="238"/>
    </font>
    <font>
      <b/>
      <i/>
      <u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8" tint="-0.249977111117893"/>
      <name val="Arial"/>
      <family val="2"/>
      <charset val="238"/>
    </font>
    <font>
      <sz val="10"/>
      <color theme="8" tint="-0.249977111117893"/>
      <name val="Arial"/>
      <family val="2"/>
      <charset val="238"/>
    </font>
    <font>
      <b/>
      <sz val="9"/>
      <color rgb="FFC00000"/>
      <name val="Arial"/>
      <family val="2"/>
      <charset val="238"/>
    </font>
    <font>
      <b/>
      <sz val="10"/>
      <name val="Time "/>
      <charset val="238"/>
    </font>
    <font>
      <sz val="10"/>
      <name val="Time "/>
      <charset val="238"/>
    </font>
    <font>
      <sz val="10"/>
      <color theme="1"/>
      <name val="Time "/>
      <charset val="238"/>
    </font>
    <font>
      <b/>
      <sz val="10"/>
      <color theme="1"/>
      <name val="Time 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7" tint="0.79998168889431442"/>
        <bgColor indexed="64"/>
      </patternFill>
    </fill>
  </fills>
  <borders count="10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 style="hair">
        <color auto="1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/>
      <right/>
      <top style="dotted">
        <color auto="1"/>
      </top>
      <bottom style="medium">
        <color auto="1"/>
      </bottom>
      <diagonal/>
    </border>
    <border>
      <left style="medium">
        <color indexed="64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thin">
        <color rgb="FFC00000"/>
      </right>
      <top style="thin">
        <color rgb="FFC00000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/>
      <right style="medium">
        <color theme="8" tint="-0.24994659260841701"/>
      </right>
      <top/>
      <bottom/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dotted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medium">
        <color indexed="64"/>
      </right>
      <top/>
      <bottom style="dotted">
        <color indexed="64"/>
      </bottom>
      <diagonal/>
    </border>
    <border>
      <left style="medium">
        <color auto="1"/>
      </left>
      <right style="thin">
        <color auto="1"/>
      </right>
      <top style="dotted">
        <color indexed="64"/>
      </top>
      <bottom/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 style="medium">
        <color auto="1"/>
      </left>
      <right style="thin">
        <color auto="1"/>
      </right>
      <top/>
      <bottom style="dotted">
        <color indexed="64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indexed="64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indexed="64"/>
      </left>
      <right style="medium">
        <color indexed="64"/>
      </right>
      <top style="thin">
        <color auto="1"/>
      </top>
      <bottom style="dotted">
        <color theme="1"/>
      </bottom>
      <diagonal/>
    </border>
    <border>
      <left style="thin">
        <color indexed="64"/>
      </left>
      <right style="medium">
        <color indexed="64"/>
      </right>
      <top style="dotted">
        <color theme="1"/>
      </top>
      <bottom style="dotted">
        <color theme="1"/>
      </bottom>
      <diagonal/>
    </border>
    <border>
      <left style="thin">
        <color indexed="64"/>
      </left>
      <right style="medium">
        <color indexed="64"/>
      </right>
      <top style="dotted">
        <color theme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/>
      <bottom style="dotted">
        <color theme="1"/>
      </bottom>
      <diagonal/>
    </border>
    <border>
      <left style="thin">
        <color indexed="64"/>
      </left>
      <right style="medium">
        <color indexed="64"/>
      </right>
      <top style="thin">
        <color auto="1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/>
      <diagonal/>
    </border>
    <border>
      <left style="thin">
        <color indexed="64"/>
      </left>
      <right style="medium">
        <color indexed="64"/>
      </right>
      <top style="dotted">
        <color theme="1"/>
      </top>
      <bottom/>
      <diagonal/>
    </border>
    <border>
      <left style="thin">
        <color indexed="64"/>
      </left>
      <right style="medium">
        <color indexed="64"/>
      </right>
      <top style="dotted">
        <color theme="1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 style="medium">
        <color auto="1"/>
      </bottom>
      <diagonal/>
    </border>
  </borders>
  <cellStyleXfs count="37">
    <xf numFmtId="0" fontId="0" fillId="0" borderId="0" applyNumberFormat="0" applyFill="0" applyBorder="0" applyProtection="0"/>
    <xf numFmtId="0" fontId="14" fillId="0" borderId="0"/>
    <xf numFmtId="0" fontId="17" fillId="0" borderId="0" applyNumberFormat="0" applyFill="0" applyBorder="0" applyAlignment="0" applyProtection="0"/>
    <xf numFmtId="0" fontId="18" fillId="0" borderId="0"/>
    <xf numFmtId="0" fontId="13" fillId="0" borderId="0"/>
    <xf numFmtId="0" fontId="12" fillId="0" borderId="0"/>
    <xf numFmtId="0" fontId="12" fillId="0" borderId="0"/>
    <xf numFmtId="0" fontId="18" fillId="0" borderId="0"/>
    <xf numFmtId="0" fontId="11" fillId="0" borderId="0"/>
    <xf numFmtId="0" fontId="10" fillId="0" borderId="0"/>
    <xf numFmtId="0" fontId="10" fillId="0" borderId="0"/>
    <xf numFmtId="0" fontId="29" fillId="0" borderId="0"/>
    <xf numFmtId="0" fontId="9" fillId="0" borderId="0"/>
    <xf numFmtId="0" fontId="8" fillId="0" borderId="0"/>
    <xf numFmtId="0" fontId="30" fillId="0" borderId="0" applyNumberFormat="0" applyFill="0" applyBorder="0" applyProtection="0"/>
    <xf numFmtId="0" fontId="18" fillId="0" borderId="0"/>
    <xf numFmtId="0" fontId="8" fillId="0" borderId="0"/>
    <xf numFmtId="0" fontId="8" fillId="0" borderId="0"/>
    <xf numFmtId="0" fontId="8" fillId="0" borderId="0"/>
    <xf numFmtId="0" fontId="7" fillId="0" borderId="0"/>
    <xf numFmtId="0" fontId="30" fillId="0" borderId="0" applyNumberFormat="0" applyFill="0" applyBorder="0" applyProtection="0"/>
    <xf numFmtId="0" fontId="7" fillId="0" borderId="0"/>
    <xf numFmtId="0" fontId="6" fillId="0" borderId="0"/>
    <xf numFmtId="0" fontId="5" fillId="0" borderId="0"/>
    <xf numFmtId="0" fontId="4" fillId="0" borderId="0"/>
    <xf numFmtId="0" fontId="3" fillId="0" borderId="0"/>
    <xf numFmtId="0" fontId="3" fillId="0" borderId="0"/>
    <xf numFmtId="0" fontId="3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8" fillId="0" borderId="0"/>
    <xf numFmtId="0" fontId="1" fillId="0" borderId="0"/>
    <xf numFmtId="0" fontId="1" fillId="0" borderId="0"/>
    <xf numFmtId="0" fontId="30" fillId="0" borderId="0" applyNumberFormat="0" applyFill="0" applyBorder="0" applyProtection="0"/>
  </cellStyleXfs>
  <cellXfs count="374">
    <xf numFmtId="0" fontId="0" fillId="0" borderId="0" xfId="0"/>
    <xf numFmtId="0" fontId="15" fillId="0" borderId="0" xfId="1" applyFont="1"/>
    <xf numFmtId="0" fontId="16" fillId="0" borderId="0" xfId="1" applyFont="1"/>
    <xf numFmtId="0" fontId="15" fillId="0" borderId="0" xfId="1" applyFont="1" applyAlignment="1">
      <alignment vertical="center"/>
    </xf>
    <xf numFmtId="49" fontId="15" fillId="0" borderId="0" xfId="1" applyNumberFormat="1" applyFont="1" applyAlignment="1">
      <alignment vertical="center"/>
    </xf>
    <xf numFmtId="0" fontId="15" fillId="0" borderId="0" xfId="1" applyFont="1" applyAlignment="1">
      <alignment wrapText="1"/>
    </xf>
    <xf numFmtId="0" fontId="15" fillId="0" borderId="0" xfId="1" applyFont="1" applyAlignment="1">
      <alignment vertical="center" wrapText="1"/>
    </xf>
    <xf numFmtId="0" fontId="15" fillId="0" borderId="1" xfId="1" applyFont="1" applyBorder="1" applyAlignment="1">
      <alignment horizontal="left"/>
    </xf>
    <xf numFmtId="49" fontId="16" fillId="0" borderId="0" xfId="1" applyNumberFormat="1" applyFont="1" applyAlignment="1">
      <alignment wrapText="1"/>
    </xf>
    <xf numFmtId="0" fontId="15" fillId="0" borderId="0" xfId="1" applyFont="1" applyAlignment="1">
      <alignment horizontal="center"/>
    </xf>
    <xf numFmtId="3" fontId="15" fillId="0" borderId="0" xfId="1" applyNumberFormat="1" applyFont="1" applyAlignment="1">
      <alignment horizontal="center"/>
    </xf>
    <xf numFmtId="0" fontId="15" fillId="0" borderId="0" xfId="1" applyFont="1" applyAlignment="1">
      <alignment vertical="top" wrapText="1"/>
    </xf>
    <xf numFmtId="0" fontId="15" fillId="0" borderId="0" xfId="1" applyFont="1" applyAlignment="1">
      <alignment horizontal="left" wrapText="1"/>
    </xf>
    <xf numFmtId="0" fontId="16" fillId="0" borderId="0" xfId="1" applyFont="1" applyAlignment="1">
      <alignment horizontal="left" vertical="center" wrapText="1"/>
    </xf>
    <xf numFmtId="0" fontId="15" fillId="0" borderId="0" xfId="1" applyFont="1" applyAlignment="1">
      <alignment horizontal="right" vertical="center"/>
    </xf>
    <xf numFmtId="0" fontId="23" fillId="2" borderId="2" xfId="1" applyFont="1" applyFill="1" applyBorder="1" applyAlignment="1">
      <alignment horizontal="center" vertical="center" wrapText="1"/>
    </xf>
    <xf numFmtId="49" fontId="15" fillId="0" borderId="5" xfId="1" applyNumberFormat="1" applyFont="1" applyBorder="1" applyAlignment="1">
      <alignment horizontal="center" vertical="center" wrapText="1"/>
    </xf>
    <xf numFmtId="0" fontId="15" fillId="0" borderId="0" xfId="9" applyFont="1" applyAlignment="1">
      <alignment wrapText="1"/>
    </xf>
    <xf numFmtId="0" fontId="24" fillId="0" borderId="0" xfId="9" applyFont="1" applyAlignment="1">
      <alignment wrapText="1"/>
    </xf>
    <xf numFmtId="0" fontId="25" fillId="0" borderId="0" xfId="9" applyFont="1" applyAlignment="1">
      <alignment wrapText="1"/>
    </xf>
    <xf numFmtId="0" fontId="26" fillId="0" borderId="0" xfId="9" applyFont="1" applyAlignment="1">
      <alignment vertical="center" wrapText="1"/>
    </xf>
    <xf numFmtId="0" fontId="27" fillId="0" borderId="0" xfId="9" applyFont="1" applyAlignment="1">
      <alignment vertical="center" wrapText="1"/>
    </xf>
    <xf numFmtId="0" fontId="15" fillId="0" borderId="0" xfId="9" applyFont="1" applyAlignment="1">
      <alignment horizontal="left" wrapText="1"/>
    </xf>
    <xf numFmtId="0" fontId="24" fillId="0" borderId="0" xfId="9" applyFont="1" applyAlignment="1">
      <alignment vertical="center" wrapText="1"/>
    </xf>
    <xf numFmtId="0" fontId="15" fillId="0" borderId="0" xfId="9" applyFont="1" applyAlignment="1">
      <alignment vertical="center"/>
    </xf>
    <xf numFmtId="0" fontId="16" fillId="0" borderId="0" xfId="9" applyFont="1" applyAlignment="1">
      <alignment horizontal="left" vertical="center" wrapText="1"/>
    </xf>
    <xf numFmtId="14" fontId="15" fillId="0" borderId="0" xfId="9" applyNumberFormat="1" applyFont="1" applyAlignment="1">
      <alignment vertical="top" wrapText="1"/>
    </xf>
    <xf numFmtId="0" fontId="15" fillId="0" borderId="0" xfId="9" applyFont="1" applyAlignment="1">
      <alignment vertical="top" wrapText="1"/>
    </xf>
    <xf numFmtId="0" fontId="24" fillId="0" borderId="0" xfId="9" applyFont="1" applyAlignment="1">
      <alignment vertical="top" wrapText="1"/>
    </xf>
    <xf numFmtId="0" fontId="15" fillId="0" borderId="1" xfId="9" applyFont="1" applyBorder="1" applyAlignment="1">
      <alignment horizontal="left"/>
    </xf>
    <xf numFmtId="0" fontId="15" fillId="0" borderId="0" xfId="9" applyFont="1" applyAlignment="1">
      <alignment horizontal="right" vertical="center"/>
    </xf>
    <xf numFmtId="0" fontId="15" fillId="0" borderId="0" xfId="9" applyFont="1"/>
    <xf numFmtId="0" fontId="15" fillId="0" borderId="0" xfId="9" applyFont="1" applyAlignment="1">
      <alignment horizontal="center"/>
    </xf>
    <xf numFmtId="0" fontId="28" fillId="0" borderId="0" xfId="9" applyFont="1"/>
    <xf numFmtId="49" fontId="16" fillId="2" borderId="2" xfId="9" applyNumberFormat="1" applyFont="1" applyFill="1" applyBorder="1" applyAlignment="1">
      <alignment wrapText="1"/>
    </xf>
    <xf numFmtId="3" fontId="28" fillId="0" borderId="0" xfId="9" applyNumberFormat="1" applyFont="1" applyAlignment="1">
      <alignment horizontal="center"/>
    </xf>
    <xf numFmtId="0" fontId="15" fillId="0" borderId="0" xfId="7" applyFont="1" applyAlignment="1">
      <alignment vertical="top" wrapText="1"/>
    </xf>
    <xf numFmtId="0" fontId="15" fillId="0" borderId="0" xfId="17" applyFont="1" applyAlignment="1" applyProtection="1">
      <alignment wrapText="1"/>
      <protection locked="0"/>
    </xf>
    <xf numFmtId="0" fontId="16" fillId="0" borderId="0" xfId="17" applyFont="1" applyAlignment="1" applyProtection="1">
      <alignment vertical="top" wrapText="1"/>
      <protection locked="0"/>
    </xf>
    <xf numFmtId="0" fontId="16" fillId="0" borderId="0" xfId="17" applyFont="1" applyAlignment="1" applyProtection="1">
      <alignment vertical="center" wrapText="1"/>
      <protection locked="0"/>
    </xf>
    <xf numFmtId="0" fontId="15" fillId="0" borderId="0" xfId="17" applyFont="1" applyAlignment="1" applyProtection="1">
      <alignment vertical="center" wrapText="1"/>
      <protection locked="0"/>
    </xf>
    <xf numFmtId="0" fontId="15" fillId="0" borderId="0" xfId="18" applyFont="1" applyAlignment="1">
      <alignment vertical="center" wrapText="1"/>
    </xf>
    <xf numFmtId="0" fontId="16" fillId="0" borderId="0" xfId="18" applyFont="1" applyAlignment="1">
      <alignment vertical="top"/>
    </xf>
    <xf numFmtId="0" fontId="15" fillId="0" borderId="0" xfId="18" applyFont="1" applyAlignment="1">
      <alignment vertical="center"/>
    </xf>
    <xf numFmtId="0" fontId="15" fillId="0" borderId="0" xfId="18" applyFont="1" applyAlignment="1">
      <alignment wrapText="1"/>
    </xf>
    <xf numFmtId="49" fontId="15" fillId="0" borderId="0" xfId="18" applyNumberFormat="1" applyFont="1" applyAlignment="1">
      <alignment wrapText="1"/>
    </xf>
    <xf numFmtId="0" fontId="15" fillId="0" borderId="0" xfId="18" applyFont="1" applyAlignment="1">
      <alignment horizontal="center" wrapText="1"/>
    </xf>
    <xf numFmtId="0" fontId="16" fillId="0" borderId="0" xfId="17" applyFont="1" applyAlignment="1">
      <alignment horizontal="left" vertical="center" wrapText="1"/>
    </xf>
    <xf numFmtId="0" fontId="16" fillId="0" borderId="0" xfId="17" applyFont="1" applyAlignment="1" applyProtection="1">
      <alignment horizontal="center" vertical="top" wrapText="1"/>
      <protection locked="0"/>
    </xf>
    <xf numFmtId="49" fontId="15" fillId="0" borderId="0" xfId="17" applyNumberFormat="1" applyFont="1" applyAlignment="1" applyProtection="1">
      <alignment horizontal="center" vertical="center" wrapText="1"/>
      <protection locked="0"/>
    </xf>
    <xf numFmtId="49" fontId="15" fillId="0" borderId="0" xfId="17" applyNumberFormat="1" applyFont="1" applyAlignment="1" applyProtection="1">
      <alignment wrapText="1"/>
      <protection locked="0"/>
    </xf>
    <xf numFmtId="0" fontId="15" fillId="0" borderId="1" xfId="17" applyFont="1" applyBorder="1" applyAlignment="1" applyProtection="1">
      <alignment wrapText="1"/>
      <protection locked="0"/>
    </xf>
    <xf numFmtId="0" fontId="15" fillId="0" borderId="0" xfId="17" applyFont="1" applyProtection="1">
      <protection locked="0"/>
    </xf>
    <xf numFmtId="0" fontId="15" fillId="0" borderId="0" xfId="17" applyFont="1" applyAlignment="1">
      <alignment horizontal="right" vertical="center"/>
    </xf>
    <xf numFmtId="0" fontId="15" fillId="0" borderId="0" xfId="17" applyFont="1"/>
    <xf numFmtId="0" fontId="15" fillId="0" borderId="0" xfId="17" applyFont="1" applyAlignment="1">
      <alignment horizontal="center"/>
    </xf>
    <xf numFmtId="0" fontId="15" fillId="0" borderId="0" xfId="17" applyFont="1" applyAlignment="1">
      <alignment wrapText="1"/>
    </xf>
    <xf numFmtId="0" fontId="15" fillId="2" borderId="2" xfId="17" applyFont="1" applyFill="1" applyBorder="1" applyAlignment="1" applyProtection="1">
      <alignment wrapText="1"/>
      <protection locked="0"/>
    </xf>
    <xf numFmtId="0" fontId="15" fillId="0" borderId="9" xfId="17" applyFont="1" applyBorder="1" applyAlignment="1" applyProtection="1">
      <alignment horizontal="left" vertical="center"/>
      <protection locked="0"/>
    </xf>
    <xf numFmtId="0" fontId="15" fillId="0" borderId="0" xfId="17" applyFont="1" applyAlignment="1">
      <alignment vertical="center" wrapText="1"/>
    </xf>
    <xf numFmtId="49" fontId="15" fillId="0" borderId="0" xfId="17" applyNumberFormat="1" applyFont="1" applyAlignment="1">
      <alignment wrapText="1"/>
    </xf>
    <xf numFmtId="0" fontId="15" fillId="0" borderId="0" xfId="17" applyFont="1" applyAlignment="1">
      <alignment horizontal="center" wrapText="1"/>
    </xf>
    <xf numFmtId="0" fontId="15" fillId="0" borderId="0" xfId="18" applyFont="1" applyAlignment="1">
      <alignment horizontal="left" vertical="center" wrapText="1"/>
    </xf>
    <xf numFmtId="49" fontId="15" fillId="0" borderId="0" xfId="18" applyNumberFormat="1" applyFont="1" applyAlignment="1">
      <alignment vertical="center" wrapText="1"/>
    </xf>
    <xf numFmtId="0" fontId="15" fillId="0" borderId="0" xfId="8" applyFont="1" applyAlignment="1" applyProtection="1">
      <alignment wrapText="1"/>
      <protection locked="0"/>
    </xf>
    <xf numFmtId="0" fontId="15" fillId="0" borderId="0" xfId="8" applyFont="1" applyAlignment="1" applyProtection="1">
      <alignment horizontal="center"/>
      <protection locked="0"/>
    </xf>
    <xf numFmtId="49" fontId="19" fillId="0" borderId="0" xfId="8" applyNumberFormat="1" applyFont="1" applyAlignment="1" applyProtection="1">
      <alignment horizontal="center" wrapText="1"/>
      <protection locked="0"/>
    </xf>
    <xf numFmtId="0" fontId="15" fillId="0" borderId="0" xfId="8" applyFont="1" applyAlignment="1" applyProtection="1">
      <alignment vertical="center" wrapText="1"/>
      <protection locked="0"/>
    </xf>
    <xf numFmtId="0" fontId="15" fillId="0" borderId="0" xfId="8" applyFont="1" applyProtection="1">
      <protection locked="0"/>
    </xf>
    <xf numFmtId="0" fontId="15" fillId="0" borderId="0" xfId="8" applyFont="1" applyAlignment="1" applyProtection="1">
      <alignment horizontal="center" vertical="top"/>
      <protection locked="0"/>
    </xf>
    <xf numFmtId="0" fontId="15" fillId="2" borderId="2" xfId="8" applyFont="1" applyFill="1" applyBorder="1" applyAlignment="1" applyProtection="1">
      <alignment wrapText="1"/>
      <protection locked="0"/>
    </xf>
    <xf numFmtId="49" fontId="15" fillId="0" borderId="0" xfId="8" applyNumberFormat="1" applyFont="1" applyAlignment="1" applyProtection="1">
      <alignment vertical="center"/>
      <protection locked="0"/>
    </xf>
    <xf numFmtId="0" fontId="15" fillId="0" borderId="0" xfId="8" applyFont="1" applyAlignment="1" applyProtection="1">
      <alignment vertical="center"/>
      <protection locked="0"/>
    </xf>
    <xf numFmtId="164" fontId="15" fillId="3" borderId="15" xfId="8" applyNumberFormat="1" applyFont="1" applyFill="1" applyBorder="1" applyAlignment="1" applyProtection="1">
      <alignment horizontal="right"/>
      <protection locked="0"/>
    </xf>
    <xf numFmtId="0" fontId="15" fillId="0" borderId="0" xfId="18" applyFont="1" applyAlignment="1">
      <alignment horizontal="center" vertical="center" wrapText="1"/>
    </xf>
    <xf numFmtId="49" fontId="21" fillId="4" borderId="16" xfId="18" applyNumberFormat="1" applyFont="1" applyFill="1" applyBorder="1" applyAlignment="1">
      <alignment horizontal="center" vertical="center" wrapText="1"/>
    </xf>
    <xf numFmtId="0" fontId="15" fillId="0" borderId="0" xfId="1" applyFont="1" applyAlignment="1">
      <alignment horizontal="left" vertical="center" wrapText="1"/>
    </xf>
    <xf numFmtId="0" fontId="15" fillId="0" borderId="0" xfId="8" applyFont="1" applyAlignment="1" applyProtection="1">
      <alignment horizontal="left" wrapText="1"/>
      <protection locked="0"/>
    </xf>
    <xf numFmtId="0" fontId="15" fillId="0" borderId="0" xfId="8" applyFont="1" applyAlignment="1" applyProtection="1">
      <alignment horizontal="left"/>
      <protection locked="0"/>
    </xf>
    <xf numFmtId="0" fontId="31" fillId="0" borderId="0" xfId="14" applyFont="1" applyBorder="1" applyAlignment="1">
      <alignment horizontal="center" vertical="top" wrapText="1"/>
    </xf>
    <xf numFmtId="0" fontId="31" fillId="0" borderId="0" xfId="0" applyFont="1"/>
    <xf numFmtId="14" fontId="15" fillId="0" borderId="0" xfId="1" applyNumberFormat="1" applyFont="1" applyAlignment="1">
      <alignment horizontal="left" vertical="center" wrapText="1"/>
    </xf>
    <xf numFmtId="0" fontId="15" fillId="0" borderId="0" xfId="9" applyFont="1" applyAlignment="1">
      <alignment horizontal="left" vertical="center" wrapText="1"/>
    </xf>
    <xf numFmtId="14" fontId="15" fillId="0" borderId="0" xfId="9" applyNumberFormat="1" applyFont="1" applyAlignment="1">
      <alignment horizontal="left" vertical="center" wrapText="1"/>
    </xf>
    <xf numFmtId="0" fontId="16" fillId="0" borderId="0" xfId="17" applyFont="1" applyAlignment="1" applyProtection="1">
      <alignment horizontal="left" vertical="top" wrapText="1"/>
      <protection locked="0"/>
    </xf>
    <xf numFmtId="0" fontId="31" fillId="0" borderId="0" xfId="0" applyFont="1" applyBorder="1" applyAlignment="1">
      <alignment vertical="top" wrapText="1"/>
    </xf>
    <xf numFmtId="0" fontId="15" fillId="0" borderId="0" xfId="1" applyFont="1" applyAlignment="1">
      <alignment horizontal="center" vertical="top"/>
    </xf>
    <xf numFmtId="0" fontId="16" fillId="0" borderId="25" xfId="1" applyFont="1" applyBorder="1" applyAlignment="1">
      <alignment horizontal="left" vertical="center" wrapText="1"/>
    </xf>
    <xf numFmtId="14" fontId="15" fillId="0" borderId="0" xfId="8" applyNumberFormat="1" applyFont="1" applyAlignment="1" applyProtection="1">
      <alignment horizontal="left" vertical="center" wrapText="1"/>
      <protection locked="0"/>
    </xf>
    <xf numFmtId="0" fontId="15" fillId="0" borderId="0" xfId="24" applyFont="1" applyAlignment="1">
      <alignment wrapText="1"/>
    </xf>
    <xf numFmtId="0" fontId="15" fillId="0" borderId="0" xfId="24" applyFont="1" applyAlignment="1">
      <alignment vertical="top" wrapText="1"/>
    </xf>
    <xf numFmtId="0" fontId="15" fillId="0" borderId="0" xfId="9" applyFont="1" applyAlignment="1">
      <alignment horizontal="center" wrapText="1"/>
    </xf>
    <xf numFmtId="0" fontId="15" fillId="0" borderId="0" xfId="0" applyFont="1" applyAlignment="1" applyProtection="1">
      <alignment wrapText="1"/>
      <protection locked="0"/>
    </xf>
    <xf numFmtId="0" fontId="15" fillId="0" borderId="0" xfId="0" applyFont="1" applyAlignment="1" applyProtection="1">
      <alignment horizontal="center" wrapText="1"/>
      <protection locked="0"/>
    </xf>
    <xf numFmtId="0" fontId="16" fillId="0" borderId="0" xfId="0" applyFont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left" wrapText="1"/>
      <protection locked="0"/>
    </xf>
    <xf numFmtId="0" fontId="15" fillId="0" borderId="0" xfId="0" applyFont="1" applyAlignment="1">
      <alignment horizontal="left" vertical="center" wrapText="1"/>
    </xf>
    <xf numFmtId="0" fontId="15" fillId="0" borderId="0" xfId="0" applyFont="1" applyProtection="1">
      <protection locked="0"/>
    </xf>
    <xf numFmtId="0" fontId="15" fillId="2" borderId="2" xfId="0" applyFont="1" applyFill="1" applyBorder="1" applyAlignment="1" applyProtection="1">
      <alignment wrapText="1"/>
      <protection locked="0"/>
    </xf>
    <xf numFmtId="0" fontId="15" fillId="0" borderId="0" xfId="0" applyFont="1" applyAlignment="1" applyProtection="1">
      <alignment horizontal="center"/>
      <protection locked="0"/>
    </xf>
    <xf numFmtId="49" fontId="15" fillId="0" borderId="0" xfId="0" applyNumberFormat="1" applyFont="1" applyAlignment="1" applyProtection="1">
      <alignment vertical="center"/>
      <protection locked="0"/>
    </xf>
    <xf numFmtId="0" fontId="15" fillId="0" borderId="0" xfId="0" applyFont="1" applyAlignment="1" applyProtection="1">
      <alignment vertical="center"/>
      <protection locked="0"/>
    </xf>
    <xf numFmtId="0" fontId="15" fillId="0" borderId="0" xfId="0" applyFont="1" applyAlignment="1" applyProtection="1">
      <alignment horizontal="center" vertical="top"/>
      <protection locked="0"/>
    </xf>
    <xf numFmtId="0" fontId="15" fillId="0" borderId="0" xfId="1" applyFont="1" applyAlignment="1">
      <alignment horizontal="center" vertical="top" wrapText="1"/>
    </xf>
    <xf numFmtId="0" fontId="15" fillId="0" borderId="0" xfId="27" applyFont="1" applyAlignment="1" applyProtection="1">
      <alignment horizontal="left" wrapText="1"/>
      <protection locked="0"/>
    </xf>
    <xf numFmtId="0" fontId="15" fillId="0" borderId="0" xfId="27" applyFont="1" applyAlignment="1" applyProtection="1">
      <alignment wrapText="1"/>
      <protection locked="0"/>
    </xf>
    <xf numFmtId="0" fontId="21" fillId="0" borderId="0" xfId="27" applyFont="1" applyAlignment="1" applyProtection="1">
      <alignment wrapText="1"/>
      <protection locked="0"/>
    </xf>
    <xf numFmtId="0" fontId="15" fillId="0" borderId="0" xfId="27" applyFont="1" applyAlignment="1" applyProtection="1">
      <alignment horizontal="center" wrapText="1"/>
      <protection locked="0"/>
    </xf>
    <xf numFmtId="0" fontId="16" fillId="0" borderId="0" xfId="27" applyFont="1" applyAlignment="1" applyProtection="1">
      <alignment vertical="center" wrapText="1"/>
      <protection locked="0"/>
    </xf>
    <xf numFmtId="0" fontId="15" fillId="0" borderId="0" xfId="27" applyFont="1" applyAlignment="1" applyProtection="1">
      <alignment vertical="center" wrapText="1"/>
      <protection locked="0"/>
    </xf>
    <xf numFmtId="0" fontId="16" fillId="0" borderId="0" xfId="27" applyFont="1" applyAlignment="1" applyProtection="1">
      <alignment horizontal="center" vertical="center" wrapText="1"/>
      <protection locked="0"/>
    </xf>
    <xf numFmtId="164" fontId="15" fillId="0" borderId="0" xfId="27" applyNumberFormat="1" applyFont="1" applyAlignment="1" applyProtection="1">
      <alignment vertical="center" wrapText="1"/>
      <protection locked="0"/>
    </xf>
    <xf numFmtId="0" fontId="15" fillId="0" borderId="0" xfId="27" applyFont="1" applyAlignment="1" applyProtection="1">
      <alignment horizontal="right"/>
      <protection locked="0"/>
    </xf>
    <xf numFmtId="0" fontId="15" fillId="0" borderId="0" xfId="27" applyFont="1" applyProtection="1">
      <protection locked="0"/>
    </xf>
    <xf numFmtId="0" fontId="15" fillId="2" borderId="2" xfId="27" applyFont="1" applyFill="1" applyBorder="1" applyAlignment="1" applyProtection="1">
      <alignment wrapText="1"/>
      <protection locked="0"/>
    </xf>
    <xf numFmtId="0" fontId="15" fillId="0" borderId="0" xfId="27" applyFont="1" applyAlignment="1" applyProtection="1">
      <alignment horizontal="center"/>
      <protection locked="0"/>
    </xf>
    <xf numFmtId="0" fontId="16" fillId="0" borderId="4" xfId="1" applyFont="1" applyBorder="1" applyAlignment="1">
      <alignment horizontal="center" vertical="center" wrapText="1"/>
    </xf>
    <xf numFmtId="49" fontId="15" fillId="0" borderId="33" xfId="1" applyNumberFormat="1" applyFont="1" applyBorder="1" applyAlignment="1">
      <alignment horizontal="center" vertical="center" wrapText="1"/>
    </xf>
    <xf numFmtId="49" fontId="15" fillId="0" borderId="26" xfId="1" applyNumberFormat="1" applyFont="1" applyBorder="1" applyAlignment="1">
      <alignment horizontal="center" vertical="center" wrapText="1"/>
    </xf>
    <xf numFmtId="0" fontId="15" fillId="0" borderId="0" xfId="9" applyFont="1" applyAlignment="1">
      <alignment vertical="center" wrapText="1"/>
    </xf>
    <xf numFmtId="0" fontId="16" fillId="0" borderId="0" xfId="9" applyFont="1" applyAlignment="1">
      <alignment horizontal="center" vertical="center" wrapText="1"/>
    </xf>
    <xf numFmtId="0" fontId="16" fillId="0" borderId="0" xfId="24" applyFont="1" applyAlignment="1">
      <alignment horizontal="left" vertical="center" wrapText="1"/>
    </xf>
    <xf numFmtId="0" fontId="31" fillId="0" borderId="0" xfId="0" applyFont="1" applyAlignment="1">
      <alignment vertical="center"/>
    </xf>
    <xf numFmtId="0" fontId="23" fillId="0" borderId="0" xfId="24" applyFont="1" applyAlignment="1">
      <alignment horizontal="left" vertical="center" wrapText="1"/>
    </xf>
    <xf numFmtId="0" fontId="20" fillId="0" borderId="0" xfId="9" applyFont="1" applyAlignment="1">
      <alignment vertical="center" wrapText="1"/>
    </xf>
    <xf numFmtId="0" fontId="23" fillId="0" borderId="0" xfId="24" applyFont="1" applyAlignment="1">
      <alignment vertical="top"/>
    </xf>
    <xf numFmtId="0" fontId="16" fillId="0" borderId="0" xfId="24" applyFont="1" applyAlignment="1">
      <alignment horizontal="left" vertical="top" wrapText="1"/>
    </xf>
    <xf numFmtId="0" fontId="16" fillId="0" borderId="0" xfId="9" applyFont="1" applyAlignment="1">
      <alignment horizontal="center" vertical="top" wrapText="1"/>
    </xf>
    <xf numFmtId="0" fontId="31" fillId="0" borderId="0" xfId="0" applyFont="1" applyAlignment="1">
      <alignment vertical="top" wrapText="1"/>
    </xf>
    <xf numFmtId="0" fontId="15" fillId="0" borderId="0" xfId="27" applyFont="1" applyAlignment="1" applyProtection="1">
      <alignment vertical="center"/>
      <protection locked="0"/>
    </xf>
    <xf numFmtId="0" fontId="16" fillId="0" borderId="0" xfId="1" applyFont="1" applyAlignment="1">
      <alignment vertical="center"/>
    </xf>
    <xf numFmtId="0" fontId="15" fillId="0" borderId="0" xfId="8" applyFont="1" applyBorder="1" applyAlignment="1">
      <alignment horizontal="center" vertical="center" wrapText="1"/>
    </xf>
    <xf numFmtId="0" fontId="15" fillId="0" borderId="0" xfId="17" applyFont="1" applyAlignment="1">
      <alignment horizontal="left" vertical="center" wrapText="1"/>
    </xf>
    <xf numFmtId="0" fontId="15" fillId="0" borderId="0" xfId="17" applyFont="1" applyAlignment="1" applyProtection="1">
      <alignment horizontal="left" vertical="center" wrapText="1"/>
      <protection locked="0"/>
    </xf>
    <xf numFmtId="49" fontId="19" fillId="0" borderId="0" xfId="8" applyNumberFormat="1" applyFont="1" applyAlignment="1" applyProtection="1">
      <alignment horizontal="left" wrapText="1"/>
      <protection locked="0"/>
    </xf>
    <xf numFmtId="0" fontId="15" fillId="0" borderId="0" xfId="8" applyFont="1" applyAlignment="1" applyProtection="1">
      <alignment horizontal="left" vertical="center" wrapText="1"/>
      <protection locked="0"/>
    </xf>
    <xf numFmtId="49" fontId="19" fillId="4" borderId="17" xfId="18" applyNumberFormat="1" applyFont="1" applyFill="1" applyBorder="1" applyAlignment="1">
      <alignment horizontal="center" vertical="center" wrapText="1"/>
    </xf>
    <xf numFmtId="0" fontId="19" fillId="0" borderId="0" xfId="7" applyFont="1"/>
    <xf numFmtId="49" fontId="15" fillId="0" borderId="0" xfId="31" applyNumberFormat="1" applyFont="1" applyBorder="1" applyAlignment="1" applyProtection="1">
      <alignment horizontal="center" vertical="center" wrapText="1"/>
      <protection locked="0"/>
    </xf>
    <xf numFmtId="49" fontId="15" fillId="0" borderId="0" xfId="31" applyNumberFormat="1" applyFont="1" applyBorder="1" applyAlignment="1" applyProtection="1">
      <alignment horizontal="left" vertical="center" wrapText="1"/>
      <protection locked="0"/>
    </xf>
    <xf numFmtId="164" fontId="15" fillId="0" borderId="52" xfId="31" applyNumberFormat="1" applyFont="1" applyBorder="1" applyAlignment="1" applyProtection="1">
      <alignment horizontal="right" vertical="center" wrapText="1"/>
      <protection locked="0"/>
    </xf>
    <xf numFmtId="9" fontId="15" fillId="0" borderId="53" xfId="31" applyNumberFormat="1" applyFont="1" applyBorder="1" applyAlignment="1" applyProtection="1">
      <alignment horizontal="center" vertical="center" wrapText="1"/>
      <protection locked="0"/>
    </xf>
    <xf numFmtId="164" fontId="15" fillId="0" borderId="54" xfId="31" applyNumberFormat="1" applyFont="1" applyBorder="1" applyAlignment="1" applyProtection="1">
      <alignment horizontal="right" vertical="center" wrapText="1"/>
      <protection locked="0"/>
    </xf>
    <xf numFmtId="49" fontId="15" fillId="0" borderId="55" xfId="31" applyNumberFormat="1" applyFont="1" applyBorder="1" applyAlignment="1" applyProtection="1">
      <alignment horizontal="center" vertical="center" wrapText="1"/>
      <protection locked="0"/>
    </xf>
    <xf numFmtId="49" fontId="15" fillId="0" borderId="55" xfId="31" applyNumberFormat="1" applyFont="1" applyBorder="1" applyAlignment="1" applyProtection="1">
      <alignment horizontal="left" vertical="center" wrapText="1"/>
      <protection locked="0"/>
    </xf>
    <xf numFmtId="49" fontId="15" fillId="0" borderId="56" xfId="31" applyNumberFormat="1" applyFont="1" applyBorder="1" applyAlignment="1" applyProtection="1">
      <alignment horizontal="left" vertical="center" wrapText="1"/>
      <protection locked="0"/>
    </xf>
    <xf numFmtId="164" fontId="15" fillId="0" borderId="41" xfId="31" applyNumberFormat="1" applyFont="1" applyBorder="1" applyAlignment="1" applyProtection="1">
      <alignment horizontal="right" vertical="center" wrapText="1"/>
      <protection locked="0"/>
    </xf>
    <xf numFmtId="9" fontId="15" fillId="0" borderId="57" xfId="31" applyNumberFormat="1" applyFont="1" applyBorder="1" applyAlignment="1" applyProtection="1">
      <alignment horizontal="center" vertical="center" wrapText="1"/>
      <protection locked="0"/>
    </xf>
    <xf numFmtId="164" fontId="15" fillId="0" borderId="42" xfId="31" applyNumberFormat="1" applyFont="1" applyBorder="1" applyAlignment="1" applyProtection="1">
      <alignment horizontal="right" vertical="center" wrapText="1"/>
      <protection locked="0"/>
    </xf>
    <xf numFmtId="49" fontId="15" fillId="0" borderId="47" xfId="31" applyNumberFormat="1" applyFont="1" applyBorder="1" applyAlignment="1" applyProtection="1">
      <alignment horizontal="center" vertical="center" wrapText="1"/>
      <protection locked="0"/>
    </xf>
    <xf numFmtId="49" fontId="15" fillId="0" borderId="58" xfId="31" applyNumberFormat="1" applyFont="1" applyBorder="1" applyAlignment="1" applyProtection="1">
      <alignment horizontal="center" vertical="center" wrapText="1"/>
      <protection locked="0"/>
    </xf>
    <xf numFmtId="49" fontId="15" fillId="0" borderId="58" xfId="31" applyNumberFormat="1" applyFont="1" applyBorder="1" applyAlignment="1" applyProtection="1">
      <alignment horizontal="left" vertical="center" wrapText="1"/>
      <protection locked="0"/>
    </xf>
    <xf numFmtId="49" fontId="15" fillId="0" borderId="1" xfId="31" applyNumberFormat="1" applyFont="1" applyBorder="1" applyAlignment="1" applyProtection="1">
      <alignment horizontal="left" vertical="center" wrapText="1"/>
      <protection locked="0"/>
    </xf>
    <xf numFmtId="49" fontId="15" fillId="0" borderId="59" xfId="31" applyNumberFormat="1" applyFont="1" applyBorder="1" applyAlignment="1" applyProtection="1">
      <alignment horizontal="center" vertical="center" wrapText="1"/>
      <protection locked="0"/>
    </xf>
    <xf numFmtId="49" fontId="15" fillId="0" borderId="47" xfId="31" applyNumberFormat="1" applyFont="1" applyBorder="1" applyAlignment="1" applyProtection="1">
      <alignment horizontal="left" vertical="center" wrapText="1"/>
      <protection locked="0"/>
    </xf>
    <xf numFmtId="49" fontId="15" fillId="0" borderId="42" xfId="31" applyNumberFormat="1" applyFont="1" applyBorder="1" applyAlignment="1" applyProtection="1">
      <alignment horizontal="left" vertical="center" wrapText="1"/>
      <protection locked="0"/>
    </xf>
    <xf numFmtId="0" fontId="23" fillId="2" borderId="60" xfId="31" applyFont="1" applyFill="1" applyBorder="1" applyAlignment="1" applyProtection="1">
      <alignment horizontal="center" vertical="top" wrapText="1"/>
      <protection locked="0"/>
    </xf>
    <xf numFmtId="0" fontId="23" fillId="2" borderId="61" xfId="31" applyFont="1" applyFill="1" applyBorder="1" applyAlignment="1" applyProtection="1">
      <alignment horizontal="center" vertical="center" wrapText="1"/>
      <protection locked="0"/>
    </xf>
    <xf numFmtId="0" fontId="23" fillId="2" borderId="62" xfId="31" applyFont="1" applyFill="1" applyBorder="1" applyAlignment="1" applyProtection="1">
      <alignment horizontal="center" vertical="center" wrapText="1"/>
      <protection locked="0"/>
    </xf>
    <xf numFmtId="0" fontId="23" fillId="2" borderId="63" xfId="31" applyFont="1" applyFill="1" applyBorder="1" applyAlignment="1" applyProtection="1">
      <alignment horizontal="center" vertical="center" wrapText="1"/>
      <protection locked="0"/>
    </xf>
    <xf numFmtId="0" fontId="23" fillId="2" borderId="2" xfId="31" applyFont="1" applyFill="1" applyBorder="1" applyAlignment="1" applyProtection="1">
      <alignment horizontal="center" vertical="center" wrapText="1"/>
      <protection locked="0"/>
    </xf>
    <xf numFmtId="0" fontId="23" fillId="2" borderId="63" xfId="31" applyFont="1" applyFill="1" applyBorder="1" applyAlignment="1" applyProtection="1">
      <alignment horizontal="center" vertical="top" wrapText="1"/>
      <protection locked="0"/>
    </xf>
    <xf numFmtId="0" fontId="23" fillId="2" borderId="32" xfId="31" applyFont="1" applyFill="1" applyBorder="1" applyAlignment="1" applyProtection="1">
      <alignment horizontal="center" vertical="top" wrapText="1"/>
      <protection locked="0"/>
    </xf>
    <xf numFmtId="0" fontId="23" fillId="2" borderId="2" xfId="31" applyFont="1" applyFill="1" applyBorder="1" applyAlignment="1" applyProtection="1">
      <alignment horizontal="center" vertical="top" wrapText="1"/>
      <protection locked="0"/>
    </xf>
    <xf numFmtId="0" fontId="23" fillId="2" borderId="64" xfId="31" applyFont="1" applyFill="1" applyBorder="1" applyAlignment="1" applyProtection="1">
      <alignment horizontal="center" vertical="top" wrapText="1"/>
      <protection locked="0"/>
    </xf>
    <xf numFmtId="0" fontId="15" fillId="0" borderId="65" xfId="31" applyFont="1" applyBorder="1" applyAlignment="1" applyProtection="1">
      <alignment horizontal="center" vertical="center" wrapText="1"/>
      <protection locked="0"/>
    </xf>
    <xf numFmtId="0" fontId="15" fillId="0" borderId="66" xfId="31" applyFont="1" applyBorder="1" applyAlignment="1" applyProtection="1">
      <alignment horizontal="center" vertical="center" wrapText="1"/>
      <protection locked="0"/>
    </xf>
    <xf numFmtId="0" fontId="15" fillId="0" borderId="67" xfId="31" applyFont="1" applyBorder="1" applyAlignment="1" applyProtection="1">
      <alignment horizontal="center" vertical="center" wrapText="1"/>
      <protection locked="0"/>
    </xf>
    <xf numFmtId="0" fontId="16" fillId="0" borderId="68" xfId="31" applyFont="1" applyBorder="1" applyAlignment="1" applyProtection="1">
      <alignment horizontal="center" vertical="top" wrapText="1"/>
      <protection locked="0"/>
    </xf>
    <xf numFmtId="0" fontId="16" fillId="0" borderId="69" xfId="31" applyFont="1" applyBorder="1" applyAlignment="1" applyProtection="1">
      <alignment horizontal="center" vertical="top" wrapText="1"/>
      <protection locked="0"/>
    </xf>
    <xf numFmtId="49" fontId="19" fillId="0" borderId="0" xfId="31" applyNumberFormat="1" applyFont="1" applyBorder="1" applyAlignment="1" applyProtection="1">
      <alignment horizontal="center" wrapText="1"/>
      <protection locked="0"/>
    </xf>
    <xf numFmtId="49" fontId="19" fillId="0" borderId="0" xfId="31" applyNumberFormat="1" applyFont="1" applyBorder="1" applyAlignment="1" applyProtection="1">
      <alignment horizontal="left" wrapText="1"/>
      <protection locked="0"/>
    </xf>
    <xf numFmtId="0" fontId="15" fillId="0" borderId="0" xfId="31" applyFont="1" applyBorder="1" applyAlignment="1" applyProtection="1">
      <alignment horizontal="center"/>
      <protection locked="0"/>
    </xf>
    <xf numFmtId="10" fontId="24" fillId="0" borderId="8" xfId="31" applyNumberFormat="1" applyFont="1" applyBorder="1" applyAlignment="1">
      <alignment horizontal="center" vertical="center" wrapText="1"/>
    </xf>
    <xf numFmtId="164" fontId="24" fillId="0" borderId="8" xfId="31" applyNumberFormat="1" applyFont="1" applyBorder="1" applyAlignment="1">
      <alignment horizontal="center" vertical="center" wrapText="1"/>
    </xf>
    <xf numFmtId="0" fontId="24" fillId="0" borderId="8" xfId="31" applyFont="1" applyBorder="1" applyAlignment="1">
      <alignment horizontal="center" vertical="center" wrapText="1"/>
    </xf>
    <xf numFmtId="0" fontId="23" fillId="0" borderId="8" xfId="31" applyFont="1" applyFill="1" applyBorder="1" applyAlignment="1" applyProtection="1">
      <alignment horizontal="center" vertical="center" wrapText="1"/>
      <protection locked="0"/>
    </xf>
    <xf numFmtId="0" fontId="15" fillId="6" borderId="71" xfId="31" applyFont="1" applyFill="1" applyBorder="1" applyAlignment="1" applyProtection="1">
      <alignment horizontal="center" vertical="center" wrapText="1"/>
      <protection locked="0"/>
    </xf>
    <xf numFmtId="0" fontId="15" fillId="6" borderId="43" xfId="31" applyFont="1" applyFill="1" applyBorder="1" applyAlignment="1" applyProtection="1">
      <alignment horizontal="center" vertical="center" wrapText="1"/>
      <protection locked="0"/>
    </xf>
    <xf numFmtId="0" fontId="15" fillId="6" borderId="72" xfId="31" applyFont="1" applyFill="1" applyBorder="1" applyAlignment="1" applyProtection="1">
      <alignment horizontal="center" vertical="center" wrapText="1"/>
      <protection locked="0"/>
    </xf>
    <xf numFmtId="0" fontId="15" fillId="6" borderId="65" xfId="31" applyFont="1" applyFill="1" applyBorder="1" applyAlignment="1" applyProtection="1">
      <alignment horizontal="center" vertical="center" wrapText="1"/>
      <protection locked="0"/>
    </xf>
    <xf numFmtId="0" fontId="15" fillId="6" borderId="66" xfId="31" applyFont="1" applyFill="1" applyBorder="1" applyAlignment="1" applyProtection="1">
      <alignment horizontal="center" vertical="center" wrapText="1"/>
      <protection locked="0"/>
    </xf>
    <xf numFmtId="0" fontId="15" fillId="6" borderId="67" xfId="31" applyFont="1" applyFill="1" applyBorder="1" applyAlignment="1" applyProtection="1">
      <alignment horizontal="center" vertical="center" wrapText="1"/>
      <protection locked="0"/>
    </xf>
    <xf numFmtId="0" fontId="16" fillId="6" borderId="68" xfId="31" applyFont="1" applyFill="1" applyBorder="1" applyAlignment="1" applyProtection="1">
      <alignment horizontal="left" vertical="top" wrapText="1"/>
      <protection locked="0"/>
    </xf>
    <xf numFmtId="0" fontId="16" fillId="6" borderId="69" xfId="31" applyFont="1" applyFill="1" applyBorder="1" applyAlignment="1" applyProtection="1">
      <alignment horizontal="center" vertical="top" wrapText="1"/>
      <protection locked="0"/>
    </xf>
    <xf numFmtId="49" fontId="35" fillId="0" borderId="0" xfId="31" applyNumberFormat="1" applyFont="1" applyAlignment="1">
      <alignment horizontal="left" vertical="center" wrapText="1"/>
    </xf>
    <xf numFmtId="0" fontId="37" fillId="0" borderId="21" xfId="7" applyFont="1" applyBorder="1" applyAlignment="1">
      <alignment vertical="center"/>
    </xf>
    <xf numFmtId="0" fontId="16" fillId="0" borderId="0" xfId="8" applyFont="1" applyFill="1" applyAlignment="1" applyProtection="1">
      <alignment horizontal="left" vertical="center" wrapText="1"/>
      <protection locked="0"/>
    </xf>
    <xf numFmtId="49" fontId="38" fillId="0" borderId="59" xfId="31" applyNumberFormat="1" applyFont="1" applyBorder="1" applyAlignment="1" applyProtection="1">
      <alignment horizontal="center" vertical="center" wrapText="1"/>
      <protection locked="0"/>
    </xf>
    <xf numFmtId="0" fontId="16" fillId="0" borderId="69" xfId="31" applyFont="1" applyBorder="1" applyAlignment="1" applyProtection="1">
      <alignment horizontal="center" vertical="top" wrapText="1"/>
      <protection locked="0"/>
    </xf>
    <xf numFmtId="0" fontId="16" fillId="0" borderId="68" xfId="31" applyFont="1" applyBorder="1" applyAlignment="1" applyProtection="1">
      <alignment horizontal="center" vertical="top" wrapText="1"/>
      <protection locked="0"/>
    </xf>
    <xf numFmtId="0" fontId="23" fillId="0" borderId="16" xfId="31" applyFont="1" applyFill="1" applyBorder="1" applyAlignment="1" applyProtection="1">
      <alignment horizontal="center" vertical="center" wrapText="1"/>
      <protection locked="0"/>
    </xf>
    <xf numFmtId="0" fontId="23" fillId="2" borderId="75" xfId="31" applyFont="1" applyFill="1" applyBorder="1" applyAlignment="1" applyProtection="1">
      <alignment horizontal="center" vertical="center" wrapText="1"/>
      <protection locked="0"/>
    </xf>
    <xf numFmtId="0" fontId="23" fillId="2" borderId="76" xfId="31" applyFont="1" applyFill="1" applyBorder="1" applyAlignment="1" applyProtection="1">
      <alignment horizontal="center" vertical="center" wrapText="1"/>
      <protection locked="0"/>
    </xf>
    <xf numFmtId="0" fontId="23" fillId="0" borderId="76" xfId="31" applyFont="1" applyFill="1" applyBorder="1" applyAlignment="1" applyProtection="1">
      <alignment horizontal="center" vertical="center" wrapText="1"/>
      <protection locked="0"/>
    </xf>
    <xf numFmtId="164" fontId="24" fillId="3" borderId="78" xfId="31" applyNumberFormat="1" applyFont="1" applyFill="1" applyBorder="1" applyAlignment="1" applyProtection="1">
      <alignment horizontal="right" vertical="center"/>
      <protection locked="0"/>
    </xf>
    <xf numFmtId="164" fontId="24" fillId="3" borderId="79" xfId="31" applyNumberFormat="1" applyFont="1" applyFill="1" applyBorder="1" applyAlignment="1" applyProtection="1">
      <alignment horizontal="right" vertical="center"/>
      <protection locked="0"/>
    </xf>
    <xf numFmtId="0" fontId="15" fillId="0" borderId="8" xfId="31" applyFont="1" applyBorder="1" applyAlignment="1" applyProtection="1">
      <alignment horizontal="center" vertical="center" wrapText="1"/>
      <protection locked="0"/>
    </xf>
    <xf numFmtId="3" fontId="24" fillId="0" borderId="8" xfId="31" applyNumberFormat="1" applyFont="1" applyFill="1" applyBorder="1" applyAlignment="1">
      <alignment horizontal="center" vertical="center" wrapText="1"/>
    </xf>
    <xf numFmtId="164" fontId="15" fillId="0" borderId="8" xfId="31" applyNumberFormat="1" applyFont="1" applyFill="1" applyBorder="1" applyAlignment="1" applyProtection="1">
      <alignment horizontal="right" vertical="center" wrapText="1"/>
      <protection locked="0"/>
    </xf>
    <xf numFmtId="164" fontId="15" fillId="0" borderId="0" xfId="31" applyNumberFormat="1" applyFont="1" applyBorder="1" applyAlignment="1" applyProtection="1">
      <alignment horizontal="right" vertical="center" wrapText="1"/>
      <protection locked="0"/>
    </xf>
    <xf numFmtId="9" fontId="15" fillId="0" borderId="0" xfId="31" applyNumberFormat="1" applyFont="1" applyBorder="1" applyAlignment="1" applyProtection="1">
      <alignment horizontal="center" vertical="center" wrapText="1"/>
      <protection locked="0"/>
    </xf>
    <xf numFmtId="3" fontId="16" fillId="0" borderId="0" xfId="31" applyNumberFormat="1" applyFont="1" applyFill="1" applyBorder="1" applyAlignment="1" applyProtection="1">
      <alignment horizontal="center" vertical="center" wrapText="1"/>
      <protection locked="0"/>
    </xf>
    <xf numFmtId="0" fontId="16" fillId="0" borderId="69" xfId="31" applyFont="1" applyBorder="1" applyAlignment="1" applyProtection="1">
      <alignment horizontal="center" vertical="top" wrapText="1"/>
      <protection locked="0"/>
    </xf>
    <xf numFmtId="0" fontId="16" fillId="0" borderId="68" xfId="31" applyFont="1" applyBorder="1" applyAlignment="1" applyProtection="1">
      <alignment horizontal="center" vertical="top" wrapText="1"/>
      <protection locked="0"/>
    </xf>
    <xf numFmtId="0" fontId="15" fillId="0" borderId="70" xfId="0" applyFont="1" applyBorder="1" applyAlignment="1" applyProtection="1">
      <alignment horizontal="left" vertical="center" wrapText="1"/>
      <protection locked="0"/>
    </xf>
    <xf numFmtId="49" fontId="40" fillId="0" borderId="80" xfId="0" applyNumberFormat="1" applyFont="1" applyFill="1" applyBorder="1" applyAlignment="1">
      <alignment horizontal="left" vertical="center" wrapText="1"/>
    </xf>
    <xf numFmtId="0" fontId="40" fillId="0" borderId="17" xfId="17" applyFont="1" applyBorder="1" applyAlignment="1">
      <alignment horizontal="center" vertical="center" wrapText="1"/>
    </xf>
    <xf numFmtId="49" fontId="40" fillId="0" borderId="80" xfId="0" applyNumberFormat="1" applyFont="1" applyFill="1" applyBorder="1" applyAlignment="1">
      <alignment horizontal="center" vertical="center" wrapText="1"/>
    </xf>
    <xf numFmtId="0" fontId="40" fillId="0" borderId="83" xfId="17" applyFont="1" applyBorder="1" applyAlignment="1">
      <alignment horizontal="center" vertical="center" wrapText="1"/>
    </xf>
    <xf numFmtId="0" fontId="40" fillId="0" borderId="73" xfId="17" applyFont="1" applyBorder="1" applyAlignment="1">
      <alignment horizontal="center" vertical="center" wrapText="1"/>
    </xf>
    <xf numFmtId="0" fontId="40" fillId="0" borderId="82" xfId="17" applyFont="1" applyBorder="1" applyAlignment="1">
      <alignment horizontal="center" vertical="center" wrapText="1"/>
    </xf>
    <xf numFmtId="49" fontId="40" fillId="0" borderId="85" xfId="0" applyNumberFormat="1" applyFont="1" applyFill="1" applyBorder="1" applyAlignment="1">
      <alignment horizontal="left" vertical="center" wrapText="1"/>
    </xf>
    <xf numFmtId="49" fontId="40" fillId="0" borderId="87" xfId="0" applyNumberFormat="1" applyFont="1" applyFill="1" applyBorder="1" applyAlignment="1">
      <alignment horizontal="left" vertical="center" wrapText="1"/>
    </xf>
    <xf numFmtId="0" fontId="40" fillId="0" borderId="84" xfId="17" applyFont="1" applyBorder="1" applyAlignment="1">
      <alignment horizontal="center" vertical="center" wrapText="1"/>
    </xf>
    <xf numFmtId="49" fontId="40" fillId="0" borderId="87" xfId="0" applyNumberFormat="1" applyFont="1" applyFill="1" applyBorder="1" applyAlignment="1">
      <alignment vertical="center" wrapText="1"/>
    </xf>
    <xf numFmtId="49" fontId="40" fillId="0" borderId="80" xfId="0" applyNumberFormat="1" applyFont="1" applyFill="1" applyBorder="1" applyAlignment="1">
      <alignment vertical="center" wrapText="1"/>
    </xf>
    <xf numFmtId="49" fontId="40" fillId="0" borderId="81" xfId="0" applyNumberFormat="1" applyFont="1" applyFill="1" applyBorder="1" applyAlignment="1">
      <alignment vertical="center" wrapText="1"/>
    </xf>
    <xf numFmtId="0" fontId="40" fillId="0" borderId="10" xfId="17" applyFont="1" applyBorder="1" applyAlignment="1">
      <alignment horizontal="center" vertical="center" wrapText="1"/>
    </xf>
    <xf numFmtId="0" fontId="40" fillId="0" borderId="92" xfId="17" applyFont="1" applyBorder="1" applyAlignment="1">
      <alignment horizontal="center" vertical="center" wrapText="1"/>
    </xf>
    <xf numFmtId="0" fontId="40" fillId="0" borderId="42" xfId="17" applyFont="1" applyBorder="1" applyAlignment="1">
      <alignment horizontal="center" vertical="center" wrapText="1"/>
    </xf>
    <xf numFmtId="0" fontId="40" fillId="0" borderId="0" xfId="17" applyFont="1" applyBorder="1" applyAlignment="1">
      <alignment horizontal="center" vertical="center" wrapText="1"/>
    </xf>
    <xf numFmtId="0" fontId="40" fillId="0" borderId="56" xfId="17" applyFont="1" applyBorder="1" applyAlignment="1">
      <alignment horizontal="center" vertical="center" wrapText="1"/>
    </xf>
    <xf numFmtId="0" fontId="40" fillId="0" borderId="93" xfId="17" applyFont="1" applyBorder="1" applyAlignment="1">
      <alignment horizontal="center" vertical="center" wrapText="1"/>
    </xf>
    <xf numFmtId="0" fontId="40" fillId="0" borderId="94" xfId="17" applyFont="1" applyBorder="1" applyAlignment="1">
      <alignment horizontal="center" vertical="center" wrapText="1"/>
    </xf>
    <xf numFmtId="0" fontId="40" fillId="0" borderId="95" xfId="17" applyFont="1" applyBorder="1" applyAlignment="1">
      <alignment horizontal="center" vertical="center" wrapText="1"/>
    </xf>
    <xf numFmtId="0" fontId="40" fillId="0" borderId="96" xfId="17" applyFont="1" applyBorder="1" applyAlignment="1">
      <alignment horizontal="center" vertical="center" wrapText="1"/>
    </xf>
    <xf numFmtId="0" fontId="40" fillId="0" borderId="97" xfId="17" applyFont="1" applyBorder="1" applyAlignment="1">
      <alignment horizontal="center" vertical="center" wrapText="1"/>
    </xf>
    <xf numFmtId="0" fontId="40" fillId="0" borderId="98" xfId="17" applyFont="1" applyBorder="1" applyAlignment="1">
      <alignment horizontal="center" vertical="center" wrapText="1"/>
    </xf>
    <xf numFmtId="0" fontId="40" fillId="0" borderId="99" xfId="17" applyFont="1" applyBorder="1" applyAlignment="1">
      <alignment horizontal="center" vertical="center" wrapText="1"/>
    </xf>
    <xf numFmtId="0" fontId="40" fillId="0" borderId="100" xfId="17" applyFont="1" applyBorder="1" applyAlignment="1">
      <alignment horizontal="center" vertical="center" wrapText="1"/>
    </xf>
    <xf numFmtId="0" fontId="40" fillId="0" borderId="21" xfId="17" applyFont="1" applyBorder="1" applyAlignment="1">
      <alignment horizontal="center" vertical="center" wrapText="1"/>
    </xf>
    <xf numFmtId="0" fontId="40" fillId="0" borderId="22" xfId="17" applyFont="1" applyBorder="1" applyAlignment="1">
      <alignment horizontal="center" vertical="center" wrapText="1"/>
    </xf>
    <xf numFmtId="0" fontId="40" fillId="0" borderId="1" xfId="17" applyFont="1" applyBorder="1" applyAlignment="1">
      <alignment horizontal="center" vertical="center" wrapText="1"/>
    </xf>
    <xf numFmtId="0" fontId="15" fillId="0" borderId="0" xfId="1" applyFont="1" applyAlignment="1">
      <alignment horizontal="left"/>
    </xf>
    <xf numFmtId="49" fontId="15" fillId="0" borderId="0" xfId="1" applyNumberFormat="1" applyFont="1" applyAlignment="1">
      <alignment horizontal="left" vertical="center" wrapText="1"/>
    </xf>
    <xf numFmtId="0" fontId="15" fillId="0" borderId="0" xfId="1" applyFont="1" applyAlignment="1">
      <alignment horizontal="left" vertical="center" wrapText="1"/>
    </xf>
    <xf numFmtId="49" fontId="22" fillId="0" borderId="0" xfId="2" applyNumberFormat="1" applyFont="1" applyBorder="1" applyAlignment="1">
      <alignment horizontal="left" vertical="center" wrapText="1"/>
    </xf>
    <xf numFmtId="49" fontId="19" fillId="0" borderId="0" xfId="2" applyNumberFormat="1" applyFont="1" applyBorder="1" applyAlignment="1">
      <alignment horizontal="left" vertical="center" wrapText="1"/>
    </xf>
    <xf numFmtId="1" fontId="15" fillId="0" borderId="0" xfId="1" applyNumberFormat="1" applyFont="1" applyAlignment="1">
      <alignment horizontal="left" vertical="center" wrapText="1"/>
    </xf>
    <xf numFmtId="0" fontId="16" fillId="0" borderId="0" xfId="1" applyFont="1" applyAlignment="1">
      <alignment horizontal="left" vertical="center" wrapText="1"/>
    </xf>
    <xf numFmtId="49" fontId="21" fillId="0" borderId="0" xfId="1" applyNumberFormat="1" applyFont="1" applyAlignment="1">
      <alignment horizontal="left" vertical="center" wrapText="1"/>
    </xf>
    <xf numFmtId="49" fontId="19" fillId="0" borderId="0" xfId="1" applyNumberFormat="1" applyFont="1" applyAlignment="1">
      <alignment horizontal="left" vertical="center" wrapText="1"/>
    </xf>
    <xf numFmtId="0" fontId="15" fillId="0" borderId="0" xfId="1" applyFont="1" applyAlignment="1">
      <alignment horizontal="left" wrapText="1"/>
    </xf>
    <xf numFmtId="0" fontId="16" fillId="6" borderId="7" xfId="1" applyFont="1" applyFill="1" applyBorder="1" applyAlignment="1">
      <alignment horizontal="left" vertical="center" wrapText="1"/>
    </xf>
    <xf numFmtId="0" fontId="16" fillId="6" borderId="10" xfId="1" applyFont="1" applyFill="1" applyBorder="1" applyAlignment="1">
      <alignment horizontal="left" vertical="center" wrapText="1"/>
    </xf>
    <xf numFmtId="0" fontId="16" fillId="6" borderId="11" xfId="1" applyFont="1" applyFill="1" applyBorder="1" applyAlignment="1">
      <alignment horizontal="left" vertical="center" wrapText="1"/>
    </xf>
    <xf numFmtId="0" fontId="15" fillId="0" borderId="0" xfId="9" applyFont="1" applyAlignment="1">
      <alignment horizontal="center" wrapText="1"/>
    </xf>
    <xf numFmtId="0" fontId="20" fillId="0" borderId="0" xfId="9" applyFont="1" applyAlignment="1">
      <alignment horizontal="center" vertical="center" wrapText="1"/>
    </xf>
    <xf numFmtId="0" fontId="15" fillId="0" borderId="0" xfId="1" applyFont="1" applyAlignment="1">
      <alignment horizontal="left" vertical="top" wrapText="1"/>
    </xf>
    <xf numFmtId="0" fontId="15" fillId="0" borderId="0" xfId="1" quotePrefix="1" applyFont="1" applyAlignment="1">
      <alignment horizontal="left" vertical="top" wrapText="1"/>
    </xf>
    <xf numFmtId="0" fontId="16" fillId="0" borderId="0" xfId="1" quotePrefix="1" applyFont="1" applyAlignment="1">
      <alignment horizontal="left" vertical="top" wrapText="1"/>
    </xf>
    <xf numFmtId="0" fontId="16" fillId="0" borderId="0" xfId="1" applyFont="1" applyAlignment="1">
      <alignment horizontal="left" vertical="top" wrapText="1"/>
    </xf>
    <xf numFmtId="0" fontId="15" fillId="0" borderId="0" xfId="9" applyFont="1" applyAlignment="1">
      <alignment horizontal="left" wrapText="1"/>
    </xf>
    <xf numFmtId="0" fontId="16" fillId="0" borderId="0" xfId="9" quotePrefix="1" applyFont="1" applyAlignment="1">
      <alignment horizontal="left" vertical="top" wrapText="1"/>
    </xf>
    <xf numFmtId="0" fontId="16" fillId="0" borderId="0" xfId="9" applyFont="1" applyAlignment="1">
      <alignment horizontal="left" vertical="top" wrapText="1"/>
    </xf>
    <xf numFmtId="0" fontId="15" fillId="0" borderId="0" xfId="9" applyFont="1" applyFill="1" applyAlignment="1">
      <alignment horizontal="left" vertical="center" wrapText="1"/>
    </xf>
    <xf numFmtId="0" fontId="15" fillId="0" borderId="0" xfId="9" applyFont="1" applyAlignment="1">
      <alignment horizontal="left"/>
    </xf>
    <xf numFmtId="0" fontId="15" fillId="0" borderId="0" xfId="9" applyFont="1" applyAlignment="1">
      <alignment horizontal="left" vertical="center" wrapText="1"/>
    </xf>
    <xf numFmtId="0" fontId="15" fillId="0" borderId="0" xfId="9" quotePrefix="1" applyFont="1" applyAlignment="1">
      <alignment horizontal="left" vertical="top" wrapText="1"/>
    </xf>
    <xf numFmtId="0" fontId="15" fillId="0" borderId="0" xfId="9" applyFont="1" applyAlignment="1">
      <alignment horizontal="left" vertical="top" wrapText="1"/>
    </xf>
    <xf numFmtId="0" fontId="15" fillId="0" borderId="0" xfId="0" applyFont="1" applyAlignment="1" applyProtection="1">
      <alignment horizontal="left" vertical="center" wrapText="1"/>
      <protection locked="0"/>
    </xf>
    <xf numFmtId="0" fontId="15" fillId="0" borderId="0" xfId="0" applyFont="1" applyAlignment="1">
      <alignment horizontal="left" vertical="center" wrapText="1"/>
    </xf>
    <xf numFmtId="0" fontId="16" fillId="0" borderId="0" xfId="1" quotePrefix="1" applyFont="1" applyAlignment="1">
      <alignment horizontal="left" vertical="center" wrapText="1"/>
    </xf>
    <xf numFmtId="0" fontId="15" fillId="0" borderId="0" xfId="0" applyFont="1" applyAlignment="1" applyProtection="1">
      <alignment horizontal="left"/>
      <protection locked="0"/>
    </xf>
    <xf numFmtId="0" fontId="15" fillId="0" borderId="0" xfId="0" applyFont="1" applyAlignment="1" applyProtection="1">
      <alignment horizontal="center" wrapText="1"/>
      <protection locked="0"/>
    </xf>
    <xf numFmtId="0" fontId="15" fillId="0" borderId="0" xfId="27" applyFont="1" applyAlignment="1" applyProtection="1">
      <alignment horizontal="left" wrapText="1"/>
      <protection locked="0"/>
    </xf>
    <xf numFmtId="0" fontId="21" fillId="6" borderId="7" xfId="27" applyFont="1" applyFill="1" applyBorder="1" applyAlignment="1" applyProtection="1">
      <alignment horizontal="left" vertical="center" wrapText="1"/>
      <protection locked="0"/>
    </xf>
    <xf numFmtId="0" fontId="21" fillId="6" borderId="10" xfId="27" applyFont="1" applyFill="1" applyBorder="1" applyAlignment="1" applyProtection="1">
      <alignment horizontal="left" vertical="center" wrapText="1"/>
      <protection locked="0"/>
    </xf>
    <xf numFmtId="0" fontId="21" fillId="6" borderId="11" xfId="27" applyFont="1" applyFill="1" applyBorder="1" applyAlignment="1" applyProtection="1">
      <alignment horizontal="left" vertical="center" wrapText="1"/>
      <protection locked="0"/>
    </xf>
    <xf numFmtId="0" fontId="15" fillId="0" borderId="0" xfId="27" applyFont="1" applyAlignment="1" applyProtection="1">
      <alignment horizontal="center" wrapText="1"/>
      <protection locked="0"/>
    </xf>
    <xf numFmtId="0" fontId="20" fillId="0" borderId="0" xfId="27" applyFont="1" applyAlignment="1" applyProtection="1">
      <alignment horizontal="center" vertical="center" wrapText="1"/>
      <protection locked="0"/>
    </xf>
    <xf numFmtId="0" fontId="15" fillId="0" borderId="0" xfId="27" applyFont="1" applyAlignment="1" applyProtection="1">
      <alignment horizontal="left" vertical="top" wrapText="1"/>
      <protection locked="0"/>
    </xf>
    <xf numFmtId="0" fontId="16" fillId="0" borderId="0" xfId="27" applyFont="1" applyAlignment="1" applyProtection="1">
      <alignment horizontal="left" vertical="top" wrapText="1"/>
      <protection locked="0"/>
    </xf>
    <xf numFmtId="0" fontId="15" fillId="0" borderId="0" xfId="27" applyFont="1" applyAlignment="1" applyProtection="1">
      <alignment horizontal="left"/>
      <protection locked="0"/>
    </xf>
    <xf numFmtId="0" fontId="15" fillId="0" borderId="0" xfId="27" applyFont="1" applyAlignment="1" applyProtection="1">
      <alignment horizontal="left" vertical="center" wrapText="1"/>
      <protection locked="0"/>
    </xf>
    <xf numFmtId="0" fontId="15" fillId="0" borderId="0" xfId="27" applyFont="1" applyAlignment="1">
      <alignment horizontal="left" vertical="top" wrapText="1"/>
    </xf>
    <xf numFmtId="0" fontId="15" fillId="0" borderId="0" xfId="27" applyFont="1" applyAlignment="1">
      <alignment horizontal="left" vertical="center" wrapText="1"/>
    </xf>
    <xf numFmtId="0" fontId="15" fillId="0" borderId="0" xfId="1" applyFont="1" applyAlignment="1">
      <alignment horizontal="left" vertical="center"/>
    </xf>
    <xf numFmtId="0" fontId="23" fillId="0" borderId="0" xfId="24" applyFont="1" applyAlignment="1">
      <alignment horizontal="left" vertical="top" wrapText="1"/>
    </xf>
    <xf numFmtId="49" fontId="15" fillId="0" borderId="7" xfId="1" applyNumberFormat="1" applyFont="1" applyBorder="1" applyAlignment="1">
      <alignment horizontal="left" vertical="center" wrapText="1"/>
    </xf>
    <xf numFmtId="49" fontId="15" fillId="0" borderId="10" xfId="1" applyNumberFormat="1" applyFont="1" applyBorder="1" applyAlignment="1">
      <alignment horizontal="left" vertical="center" wrapText="1"/>
    </xf>
    <xf numFmtId="49" fontId="15" fillId="0" borderId="37" xfId="1" applyNumberFormat="1" applyFont="1" applyBorder="1" applyAlignment="1">
      <alignment horizontal="left" vertical="center" wrapText="1"/>
    </xf>
    <xf numFmtId="49" fontId="15" fillId="0" borderId="3" xfId="1" applyNumberFormat="1" applyFont="1" applyBorder="1" applyAlignment="1">
      <alignment horizontal="left" vertical="center" wrapText="1"/>
    </xf>
    <xf numFmtId="49" fontId="15" fillId="0" borderId="22" xfId="1" applyNumberFormat="1" applyFont="1" applyBorder="1" applyAlignment="1">
      <alignment horizontal="left" vertical="center" wrapText="1"/>
    </xf>
    <xf numFmtId="49" fontId="15" fillId="0" borderId="38" xfId="1" applyNumberFormat="1" applyFont="1" applyBorder="1" applyAlignment="1">
      <alignment horizontal="left" vertical="center" wrapText="1"/>
    </xf>
    <xf numFmtId="0" fontId="23" fillId="2" borderId="27" xfId="1" applyFont="1" applyFill="1" applyBorder="1" applyAlignment="1">
      <alignment horizontal="center" vertical="center" wrapText="1"/>
    </xf>
    <xf numFmtId="0" fontId="23" fillId="2" borderId="32" xfId="1" applyFont="1" applyFill="1" applyBorder="1" applyAlignment="1">
      <alignment horizontal="center" vertical="center" wrapText="1"/>
    </xf>
    <xf numFmtId="0" fontId="23" fillId="2" borderId="28" xfId="1" applyFont="1" applyFill="1" applyBorder="1" applyAlignment="1">
      <alignment horizontal="center" vertical="center" wrapText="1"/>
    </xf>
    <xf numFmtId="0" fontId="31" fillId="0" borderId="0" xfId="0" applyFont="1" applyAlignment="1">
      <alignment horizontal="left" vertical="top" wrapText="1"/>
    </xf>
    <xf numFmtId="0" fontId="15" fillId="0" borderId="0" xfId="1" quotePrefix="1" applyFont="1" applyAlignment="1">
      <alignment horizontal="left" vertical="center" wrapText="1"/>
    </xf>
    <xf numFmtId="49" fontId="15" fillId="0" borderId="34" xfId="1" applyNumberFormat="1" applyFont="1" applyBorder="1" applyAlignment="1">
      <alignment horizontal="left" vertical="center" wrapText="1"/>
    </xf>
    <xf numFmtId="49" fontId="15" fillId="0" borderId="35" xfId="1" applyNumberFormat="1" applyFont="1" applyBorder="1" applyAlignment="1">
      <alignment horizontal="left" vertical="center" wrapText="1"/>
    </xf>
    <xf numFmtId="49" fontId="15" fillId="0" borderId="36" xfId="1" applyNumberFormat="1" applyFont="1" applyBorder="1" applyAlignment="1">
      <alignment horizontal="left" vertical="center" wrapText="1"/>
    </xf>
    <xf numFmtId="0" fontId="16" fillId="0" borderId="29" xfId="1" applyFont="1" applyBorder="1" applyAlignment="1">
      <alignment horizontal="left" vertical="center" wrapText="1"/>
    </xf>
    <xf numFmtId="0" fontId="16" fillId="0" borderId="30" xfId="1" applyFont="1" applyBorder="1" applyAlignment="1">
      <alignment horizontal="left" vertical="center" wrapText="1"/>
    </xf>
    <xf numFmtId="0" fontId="16" fillId="0" borderId="31" xfId="1" applyFont="1" applyBorder="1" applyAlignment="1">
      <alignment horizontal="left" vertical="center" wrapText="1"/>
    </xf>
    <xf numFmtId="0" fontId="16" fillId="0" borderId="0" xfId="9" applyFont="1" applyAlignment="1">
      <alignment horizontal="left" vertical="center" wrapText="1"/>
    </xf>
    <xf numFmtId="0" fontId="40" fillId="0" borderId="86" xfId="0" applyFont="1" applyBorder="1" applyAlignment="1">
      <alignment horizontal="left" vertical="center" wrapText="1"/>
    </xf>
    <xf numFmtId="0" fontId="40" fillId="0" borderId="42" xfId="0" applyFont="1" applyBorder="1" applyAlignment="1">
      <alignment horizontal="left" vertical="center" wrapText="1"/>
    </xf>
    <xf numFmtId="0" fontId="40" fillId="0" borderId="89" xfId="0" applyFont="1" applyBorder="1" applyAlignment="1">
      <alignment horizontal="left" vertical="center" wrapText="1"/>
    </xf>
    <xf numFmtId="0" fontId="15" fillId="0" borderId="0" xfId="17" applyFont="1" applyAlignment="1" applyProtection="1">
      <alignment horizontal="left" vertical="center" wrapText="1"/>
      <protection locked="0"/>
    </xf>
    <xf numFmtId="0" fontId="15" fillId="0" borderId="0" xfId="17" applyFont="1" applyAlignment="1">
      <alignment horizontal="left" vertical="center" wrapText="1"/>
    </xf>
    <xf numFmtId="14" fontId="15" fillId="0" borderId="0" xfId="17" applyNumberFormat="1" applyFont="1" applyAlignment="1">
      <alignment horizontal="left" vertical="center" wrapText="1"/>
    </xf>
    <xf numFmtId="0" fontId="19" fillId="0" borderId="0" xfId="3" applyFont="1" applyAlignment="1">
      <alignment horizontal="left" vertical="center" wrapText="1"/>
    </xf>
    <xf numFmtId="0" fontId="15" fillId="0" borderId="0" xfId="17" applyFont="1" applyAlignment="1" applyProtection="1">
      <alignment horizontal="left" vertical="top" wrapText="1"/>
      <protection locked="0"/>
    </xf>
    <xf numFmtId="0" fontId="41" fillId="0" borderId="51" xfId="0" applyFont="1" applyBorder="1" applyAlignment="1">
      <alignment horizontal="left" vertical="center"/>
    </xf>
    <xf numFmtId="0" fontId="41" fillId="0" borderId="49" xfId="0" applyFont="1" applyBorder="1" applyAlignment="1">
      <alignment horizontal="left" vertical="center"/>
    </xf>
    <xf numFmtId="0" fontId="41" fillId="0" borderId="50" xfId="0" applyFont="1" applyBorder="1" applyAlignment="1">
      <alignment horizontal="left" vertical="center"/>
    </xf>
    <xf numFmtId="0" fontId="40" fillId="0" borderId="88" xfId="0" applyFont="1" applyBorder="1" applyAlignment="1">
      <alignment horizontal="left" vertical="center" wrapText="1"/>
    </xf>
    <xf numFmtId="0" fontId="40" fillId="0" borderId="44" xfId="0" applyFont="1" applyBorder="1" applyAlignment="1">
      <alignment horizontal="left" vertical="center" wrapText="1"/>
    </xf>
    <xf numFmtId="0" fontId="40" fillId="0" borderId="101" xfId="0" applyFont="1" applyBorder="1" applyAlignment="1">
      <alignment horizontal="left" vertical="center" wrapText="1"/>
    </xf>
    <xf numFmtId="49" fontId="42" fillId="5" borderId="74" xfId="0" applyNumberFormat="1" applyFont="1" applyFill="1" applyBorder="1" applyAlignment="1">
      <alignment horizontal="left" vertical="center"/>
    </xf>
    <xf numFmtId="49" fontId="42" fillId="5" borderId="10" xfId="0" applyNumberFormat="1" applyFont="1" applyFill="1" applyBorder="1" applyAlignment="1">
      <alignment horizontal="left" vertical="center"/>
    </xf>
    <xf numFmtId="49" fontId="42" fillId="5" borderId="37" xfId="0" applyNumberFormat="1" applyFont="1" applyFill="1" applyBorder="1" applyAlignment="1">
      <alignment horizontal="left" vertical="center"/>
    </xf>
    <xf numFmtId="0" fontId="40" fillId="0" borderId="90" xfId="0" applyFont="1" applyBorder="1" applyAlignment="1">
      <alignment horizontal="left" vertical="top" wrapText="1"/>
    </xf>
    <xf numFmtId="0" fontId="40" fillId="0" borderId="56" xfId="0" applyFont="1" applyBorder="1" applyAlignment="1">
      <alignment horizontal="left" vertical="top" wrapText="1"/>
    </xf>
    <xf numFmtId="0" fontId="40" fillId="0" borderId="91" xfId="0" applyFont="1" applyBorder="1" applyAlignment="1">
      <alignment horizontal="left" vertical="top" wrapText="1"/>
    </xf>
    <xf numFmtId="0" fontId="40" fillId="0" borderId="51" xfId="0" applyFont="1" applyBorder="1" applyAlignment="1">
      <alignment horizontal="left" vertical="center" wrapText="1"/>
    </xf>
    <xf numFmtId="0" fontId="40" fillId="0" borderId="49" xfId="0" applyFont="1" applyBorder="1" applyAlignment="1">
      <alignment horizontal="left" vertical="center" wrapText="1"/>
    </xf>
    <xf numFmtId="0" fontId="40" fillId="0" borderId="50" xfId="0" applyFont="1" applyBorder="1" applyAlignment="1">
      <alignment horizontal="left" vertical="center" wrapText="1"/>
    </xf>
    <xf numFmtId="49" fontId="39" fillId="5" borderId="23" xfId="18" applyNumberFormat="1" applyFont="1" applyFill="1" applyBorder="1" applyAlignment="1">
      <alignment horizontal="left" vertical="center" wrapText="1"/>
    </xf>
    <xf numFmtId="49" fontId="39" fillId="5" borderId="13" xfId="18" applyNumberFormat="1" applyFont="1" applyFill="1" applyBorder="1" applyAlignment="1">
      <alignment horizontal="left" vertical="center" wrapText="1"/>
    </xf>
    <xf numFmtId="49" fontId="39" fillId="5" borderId="14" xfId="18" applyNumberFormat="1" applyFont="1" applyFill="1" applyBorder="1" applyAlignment="1">
      <alignment horizontal="left" vertical="center" wrapText="1"/>
    </xf>
    <xf numFmtId="0" fontId="20" fillId="0" borderId="0" xfId="17" applyFont="1" applyAlignment="1" applyProtection="1">
      <alignment horizontal="center" vertical="center" wrapText="1"/>
      <protection locked="0"/>
    </xf>
    <xf numFmtId="0" fontId="16" fillId="6" borderId="7" xfId="17" applyFont="1" applyFill="1" applyBorder="1" applyAlignment="1" applyProtection="1">
      <alignment horizontal="left" vertical="center" wrapText="1"/>
      <protection locked="0"/>
    </xf>
    <xf numFmtId="0" fontId="16" fillId="6" borderId="10" xfId="17" applyFont="1" applyFill="1" applyBorder="1" applyAlignment="1" applyProtection="1">
      <alignment horizontal="left" vertical="center" wrapText="1"/>
      <protection locked="0"/>
    </xf>
    <xf numFmtId="0" fontId="16" fillId="6" borderId="11" xfId="17" applyFont="1" applyFill="1" applyBorder="1" applyAlignment="1" applyProtection="1">
      <alignment horizontal="left" vertical="center" wrapText="1"/>
      <protection locked="0"/>
    </xf>
    <xf numFmtId="49" fontId="21" fillId="4" borderId="18" xfId="18" applyNumberFormat="1" applyFont="1" applyFill="1" applyBorder="1" applyAlignment="1">
      <alignment horizontal="left" vertical="top" wrapText="1"/>
    </xf>
    <xf numFmtId="49" fontId="21" fillId="4" borderId="19" xfId="18" applyNumberFormat="1" applyFont="1" applyFill="1" applyBorder="1" applyAlignment="1">
      <alignment horizontal="left" vertical="top" wrapText="1"/>
    </xf>
    <xf numFmtId="49" fontId="21" fillId="4" borderId="20" xfId="18" applyNumberFormat="1" applyFont="1" applyFill="1" applyBorder="1" applyAlignment="1">
      <alignment horizontal="left" vertical="top" wrapText="1"/>
    </xf>
    <xf numFmtId="49" fontId="21" fillId="4" borderId="45" xfId="18" applyNumberFormat="1" applyFont="1" applyFill="1" applyBorder="1" applyAlignment="1">
      <alignment horizontal="left" vertical="top" wrapText="1"/>
    </xf>
    <xf numFmtId="49" fontId="21" fillId="4" borderId="39" xfId="18" applyNumberFormat="1" applyFont="1" applyFill="1" applyBorder="1" applyAlignment="1">
      <alignment horizontal="left" vertical="top" wrapText="1"/>
    </xf>
    <xf numFmtId="49" fontId="21" fillId="4" borderId="40" xfId="18" applyNumberFormat="1" applyFont="1" applyFill="1" applyBorder="1" applyAlignment="1">
      <alignment horizontal="left" vertical="top" wrapText="1"/>
    </xf>
    <xf numFmtId="49" fontId="19" fillId="4" borderId="12" xfId="18" applyNumberFormat="1" applyFont="1" applyFill="1" applyBorder="1" applyAlignment="1">
      <alignment horizontal="center" vertical="top" wrapText="1"/>
    </xf>
    <xf numFmtId="49" fontId="19" fillId="4" borderId="14" xfId="18" applyNumberFormat="1" applyFont="1" applyFill="1" applyBorder="1" applyAlignment="1">
      <alignment horizontal="center" vertical="top" wrapText="1"/>
    </xf>
    <xf numFmtId="49" fontId="39" fillId="5" borderId="74" xfId="18" applyNumberFormat="1" applyFont="1" applyFill="1" applyBorder="1" applyAlignment="1">
      <alignment horizontal="left" vertical="center" wrapText="1"/>
    </xf>
    <xf numFmtId="49" fontId="39" fillId="5" borderId="10" xfId="18" applyNumberFormat="1" applyFont="1" applyFill="1" applyBorder="1" applyAlignment="1">
      <alignment horizontal="left" vertical="center" wrapText="1"/>
    </xf>
    <xf numFmtId="49" fontId="39" fillId="5" borderId="37" xfId="18" applyNumberFormat="1" applyFont="1" applyFill="1" applyBorder="1" applyAlignment="1">
      <alignment horizontal="left" vertical="center" wrapText="1"/>
    </xf>
    <xf numFmtId="0" fontId="32" fillId="0" borderId="0" xfId="0" applyFont="1" applyFill="1" applyBorder="1" applyAlignment="1" applyProtection="1">
      <alignment horizontal="left" vertical="center" wrapText="1"/>
      <protection locked="0"/>
    </xf>
    <xf numFmtId="0" fontId="15" fillId="0" borderId="9" xfId="8" applyFont="1" applyBorder="1" applyAlignment="1" applyProtection="1">
      <alignment horizontal="left" vertical="center" wrapText="1"/>
      <protection locked="0"/>
    </xf>
    <xf numFmtId="0" fontId="15" fillId="0" borderId="0" xfId="8" applyFont="1" applyAlignment="1" applyProtection="1">
      <alignment horizontal="left" vertical="center" wrapText="1"/>
      <protection locked="0"/>
    </xf>
    <xf numFmtId="0" fontId="15" fillId="0" borderId="0" xfId="8" applyFont="1" applyAlignment="1">
      <alignment horizontal="left" vertical="center" wrapText="1"/>
    </xf>
    <xf numFmtId="0" fontId="16" fillId="6" borderId="69" xfId="31" applyFont="1" applyFill="1" applyBorder="1" applyAlignment="1" applyProtection="1">
      <alignment horizontal="center" vertical="top" wrapText="1"/>
      <protection locked="0"/>
    </xf>
    <xf numFmtId="0" fontId="16" fillId="6" borderId="68" xfId="31" applyFont="1" applyFill="1" applyBorder="1" applyAlignment="1" applyProtection="1">
      <alignment horizontal="center" vertical="top" wrapText="1"/>
      <protection locked="0"/>
    </xf>
    <xf numFmtId="0" fontId="16" fillId="6" borderId="51" xfId="31" applyFont="1" applyFill="1" applyBorder="1" applyAlignment="1" applyProtection="1">
      <alignment horizontal="center" vertical="top" wrapText="1"/>
      <protection locked="0"/>
    </xf>
    <xf numFmtId="0" fontId="16" fillId="6" borderId="49" xfId="31" applyFont="1" applyFill="1" applyBorder="1" applyAlignment="1" applyProtection="1">
      <alignment horizontal="center" vertical="top" wrapText="1"/>
      <protection locked="0"/>
    </xf>
    <xf numFmtId="0" fontId="16" fillId="6" borderId="50" xfId="31" applyFont="1" applyFill="1" applyBorder="1" applyAlignment="1" applyProtection="1">
      <alignment horizontal="center" vertical="top" wrapText="1"/>
      <protection locked="0"/>
    </xf>
    <xf numFmtId="49" fontId="19" fillId="0" borderId="0" xfId="8" applyNumberFormat="1" applyFont="1" applyAlignment="1" applyProtection="1">
      <alignment horizontal="left" wrapText="1"/>
      <protection locked="0"/>
    </xf>
    <xf numFmtId="0" fontId="16" fillId="0" borderId="0" xfId="8" applyFont="1" applyAlignment="1">
      <alignment horizontal="left" vertical="center" wrapText="1"/>
    </xf>
    <xf numFmtId="49" fontId="21" fillId="0" borderId="0" xfId="31" applyNumberFormat="1" applyFont="1" applyBorder="1" applyAlignment="1" applyProtection="1">
      <alignment horizontal="left" vertical="center" wrapText="1"/>
      <protection locked="0"/>
    </xf>
    <xf numFmtId="49" fontId="21" fillId="0" borderId="77" xfId="31" applyNumberFormat="1" applyFont="1" applyBorder="1" applyAlignment="1" applyProtection="1">
      <alignment horizontal="left" vertical="center" wrapText="1"/>
      <protection locked="0"/>
    </xf>
    <xf numFmtId="0" fontId="20" fillId="0" borderId="0" xfId="8" applyFont="1" applyAlignment="1" applyProtection="1">
      <alignment horizontal="center" vertical="center" wrapText="1"/>
      <protection locked="0"/>
    </xf>
    <xf numFmtId="0" fontId="16" fillId="0" borderId="0" xfId="8" applyFont="1" applyFill="1" applyAlignment="1" applyProtection="1">
      <alignment horizontal="left" vertical="center" wrapText="1"/>
      <protection locked="0"/>
    </xf>
    <xf numFmtId="0" fontId="36" fillId="0" borderId="21" xfId="7" applyFont="1" applyFill="1" applyBorder="1" applyAlignment="1">
      <alignment horizontal="center" vertical="center"/>
    </xf>
    <xf numFmtId="0" fontId="16" fillId="6" borderId="16" xfId="31" applyFont="1" applyFill="1" applyBorder="1" applyAlignment="1" applyProtection="1">
      <alignment horizontal="center" vertical="top" wrapText="1"/>
      <protection locked="0"/>
    </xf>
    <xf numFmtId="0" fontId="16" fillId="6" borderId="24" xfId="31" applyFont="1" applyFill="1" applyBorder="1" applyAlignment="1" applyProtection="1">
      <alignment horizontal="center" vertical="top" wrapText="1"/>
      <protection locked="0"/>
    </xf>
    <xf numFmtId="0" fontId="16" fillId="6" borderId="69" xfId="31" applyFont="1" applyFill="1" applyBorder="1" applyAlignment="1" applyProtection="1">
      <alignment horizontal="left" vertical="top" wrapText="1"/>
      <protection locked="0"/>
    </xf>
    <xf numFmtId="0" fontId="16" fillId="6" borderId="68" xfId="31" applyFont="1" applyFill="1" applyBorder="1" applyAlignment="1" applyProtection="1">
      <alignment horizontal="left" vertical="top" wrapText="1"/>
      <protection locked="0"/>
    </xf>
    <xf numFmtId="3" fontId="16" fillId="6" borderId="16" xfId="31" applyNumberFormat="1" applyFont="1" applyFill="1" applyBorder="1" applyAlignment="1" applyProtection="1">
      <alignment horizontal="center" vertical="top" wrapText="1"/>
      <protection locked="0"/>
    </xf>
    <xf numFmtId="3" fontId="16" fillId="6" borderId="24" xfId="31" applyNumberFormat="1" applyFont="1" applyFill="1" applyBorder="1" applyAlignment="1" applyProtection="1">
      <alignment horizontal="center" vertical="top" wrapText="1"/>
      <protection locked="0"/>
    </xf>
    <xf numFmtId="0" fontId="16" fillId="0" borderId="69" xfId="31" applyFont="1" applyBorder="1" applyAlignment="1" applyProtection="1">
      <alignment horizontal="center" vertical="top" wrapText="1"/>
      <protection locked="0"/>
    </xf>
    <xf numFmtId="0" fontId="16" fillId="0" borderId="68" xfId="31" applyFont="1" applyBorder="1" applyAlignment="1" applyProtection="1">
      <alignment horizontal="center" vertical="top" wrapText="1"/>
      <protection locked="0"/>
    </xf>
    <xf numFmtId="0" fontId="16" fillId="0" borderId="51" xfId="31" applyFont="1" applyBorder="1" applyAlignment="1" applyProtection="1">
      <alignment horizontal="center" vertical="top" wrapText="1"/>
      <protection locked="0"/>
    </xf>
    <xf numFmtId="0" fontId="16" fillId="0" borderId="49" xfId="31" applyFont="1" applyBorder="1" applyAlignment="1" applyProtection="1">
      <alignment horizontal="center" vertical="top" wrapText="1"/>
      <protection locked="0"/>
    </xf>
    <xf numFmtId="0" fontId="16" fillId="0" borderId="16" xfId="31" applyFont="1" applyBorder="1" applyAlignment="1" applyProtection="1">
      <alignment horizontal="center" vertical="top" wrapText="1"/>
      <protection locked="0"/>
    </xf>
    <xf numFmtId="0" fontId="16" fillId="0" borderId="46" xfId="31" applyFont="1" applyBorder="1" applyAlignment="1" applyProtection="1">
      <alignment horizontal="center" vertical="top" wrapText="1"/>
      <protection locked="0"/>
    </xf>
    <xf numFmtId="3" fontId="16" fillId="0" borderId="48" xfId="31" applyNumberFormat="1" applyFont="1" applyFill="1" applyBorder="1" applyAlignment="1" applyProtection="1">
      <alignment horizontal="center" vertical="center" wrapText="1"/>
      <protection locked="0"/>
    </xf>
    <xf numFmtId="3" fontId="16" fillId="0" borderId="24" xfId="31" applyNumberFormat="1" applyFont="1" applyFill="1" applyBorder="1" applyAlignment="1" applyProtection="1">
      <alignment horizontal="center" vertical="center" wrapText="1"/>
      <protection locked="0"/>
    </xf>
    <xf numFmtId="3" fontId="16" fillId="0" borderId="6" xfId="31" applyNumberFormat="1" applyFont="1" applyFill="1" applyBorder="1" applyAlignment="1" applyProtection="1">
      <alignment horizontal="center" vertical="center" wrapText="1"/>
      <protection locked="0"/>
    </xf>
    <xf numFmtId="0" fontId="16" fillId="0" borderId="0" xfId="31" applyFont="1" applyBorder="1" applyAlignment="1" applyProtection="1">
      <alignment horizontal="left" vertical="center" wrapText="1"/>
      <protection locked="0"/>
    </xf>
    <xf numFmtId="49" fontId="23" fillId="0" borderId="0" xfId="31" applyNumberFormat="1" applyFont="1" applyBorder="1" applyAlignment="1" applyProtection="1">
      <alignment horizontal="left" wrapText="1"/>
      <protection locked="0"/>
    </xf>
  </cellXfs>
  <cellStyles count="37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3 4" xfId="23"/>
    <cellStyle name="Normálna 2 3 5" xfId="29"/>
    <cellStyle name="Normálna 2 4" xfId="13"/>
    <cellStyle name="Normálna 2 5" xfId="19"/>
    <cellStyle name="Normálna 2 6" xfId="24"/>
    <cellStyle name="Normálna 2 6 2" xfId="26"/>
    <cellStyle name="Normálna 2 6 3" xfId="30"/>
    <cellStyle name="Normálna 2 7" xfId="25"/>
    <cellStyle name="Normálna 2 8" xfId="28"/>
    <cellStyle name="Normálna 2 9" xfId="34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5 2" xfId="35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2 2" xfId="33"/>
    <cellStyle name="Normálne 2 3" xfId="16"/>
    <cellStyle name="Normálne 3" xfId="27"/>
    <cellStyle name="Normálne 4" xfId="6"/>
    <cellStyle name="Normálne 4 2" xfId="32"/>
    <cellStyle name="Normálne 5" xfId="31"/>
    <cellStyle name="Normálne 6" xfId="36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200025</xdr:colOff>
          <xdr:row>11</xdr:row>
          <xdr:rowOff>57150</xdr:rowOff>
        </xdr:from>
        <xdr:to>
          <xdr:col>2</xdr:col>
          <xdr:colOff>9525</xdr:colOff>
          <xdr:row>12</xdr:row>
          <xdr:rowOff>276225</xdr:rowOff>
        </xdr:to>
        <xdr:sp macro="" textlink="">
          <xdr:nvSpPr>
            <xdr:cNvPr id="27649" name="Check Box 1" hidden="1">
              <a:extLst>
                <a:ext uri="{63B3BB69-23CF-44E3-9099-C40C66FF867C}">
                  <a14:compatExt spid="_x0000_s27649"/>
                </a:ext>
                <a:ext uri="{FF2B5EF4-FFF2-40B4-BE49-F238E27FC236}">
                  <a16:creationId xmlns:a16="http://schemas.microsoft.com/office/drawing/2014/main" xmlns="" id="{00000000-0008-0000-0600-000001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161925</xdr:colOff>
          <xdr:row>20</xdr:row>
          <xdr:rowOff>9525</xdr:rowOff>
        </xdr:from>
        <xdr:to>
          <xdr:col>2</xdr:col>
          <xdr:colOff>400050</xdr:colOff>
          <xdr:row>20</xdr:row>
          <xdr:rowOff>295275</xdr:rowOff>
        </xdr:to>
        <xdr:sp macro="" textlink="">
          <xdr:nvSpPr>
            <xdr:cNvPr id="27650" name="Check Box 2" hidden="1">
              <a:extLst>
                <a:ext uri="{63B3BB69-23CF-44E3-9099-C40C66FF867C}">
                  <a14:compatExt spid="_x0000_s27650"/>
                </a:ext>
                <a:ext uri="{FF2B5EF4-FFF2-40B4-BE49-F238E27FC236}">
                  <a16:creationId xmlns:a16="http://schemas.microsoft.com/office/drawing/2014/main" xmlns="" id="{00000000-0008-0000-0600-000002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200025</xdr:colOff>
          <xdr:row>9</xdr:row>
          <xdr:rowOff>371475</xdr:rowOff>
        </xdr:from>
        <xdr:to>
          <xdr:col>2</xdr:col>
          <xdr:colOff>9525</xdr:colOff>
          <xdr:row>10</xdr:row>
          <xdr:rowOff>209550</xdr:rowOff>
        </xdr:to>
        <xdr:sp macro="" textlink="">
          <xdr:nvSpPr>
            <xdr:cNvPr id="27651" name="Check Box 3" hidden="1">
              <a:extLst>
                <a:ext uri="{63B3BB69-23CF-44E3-9099-C40C66FF867C}">
                  <a14:compatExt spid="_x0000_s27651"/>
                </a:ext>
                <a:ext uri="{FF2B5EF4-FFF2-40B4-BE49-F238E27FC236}">
                  <a16:creationId xmlns:a16="http://schemas.microsoft.com/office/drawing/2014/main" xmlns="" id="{00000000-0008-0000-0600-000003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161925</xdr:colOff>
          <xdr:row>21</xdr:row>
          <xdr:rowOff>0</xdr:rowOff>
        </xdr:from>
        <xdr:to>
          <xdr:col>2</xdr:col>
          <xdr:colOff>400050</xdr:colOff>
          <xdr:row>21</xdr:row>
          <xdr:rowOff>285750</xdr:rowOff>
        </xdr:to>
        <xdr:sp macro="" textlink="">
          <xdr:nvSpPr>
            <xdr:cNvPr id="27652" name="Check Box 4" hidden="1">
              <a:extLst>
                <a:ext uri="{63B3BB69-23CF-44E3-9099-C40C66FF867C}">
                  <a14:compatExt spid="_x0000_s27652"/>
                </a:ext>
                <a:ext uri="{FF2B5EF4-FFF2-40B4-BE49-F238E27FC236}">
                  <a16:creationId xmlns:a16="http://schemas.microsoft.com/office/drawing/2014/main" xmlns="" id="{00000000-0008-0000-0600-0000046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93"/>
  <sheetViews>
    <sheetView showGridLines="0" zoomScaleNormal="100" workbookViewId="0">
      <selection activeCell="B2" sqref="B2:E2"/>
    </sheetView>
  </sheetViews>
  <sheetFormatPr defaultRowHeight="12"/>
  <cols>
    <col min="1" max="1" width="2.7109375" style="1" customWidth="1"/>
    <col min="2" max="2" width="5.140625" style="1" bestFit="1" customWidth="1"/>
    <col min="3" max="3" width="24.85546875" style="1" customWidth="1"/>
    <col min="4" max="5" width="29.7109375" style="1" customWidth="1"/>
    <col min="6" max="257" width="9.140625" style="1"/>
    <col min="258" max="258" width="5.140625" style="1" bestFit="1" customWidth="1"/>
    <col min="259" max="259" width="22.42578125" style="1" customWidth="1"/>
    <col min="260" max="261" width="29.7109375" style="1" customWidth="1"/>
    <col min="262" max="513" width="9.140625" style="1"/>
    <col min="514" max="514" width="5.140625" style="1" bestFit="1" customWidth="1"/>
    <col min="515" max="515" width="22.42578125" style="1" customWidth="1"/>
    <col min="516" max="517" width="29.7109375" style="1" customWidth="1"/>
    <col min="518" max="769" width="9.140625" style="1"/>
    <col min="770" max="770" width="5.140625" style="1" bestFit="1" customWidth="1"/>
    <col min="771" max="771" width="22.42578125" style="1" customWidth="1"/>
    <col min="772" max="773" width="29.7109375" style="1" customWidth="1"/>
    <col min="774" max="1025" width="9.140625" style="1"/>
    <col min="1026" max="1026" width="5.140625" style="1" bestFit="1" customWidth="1"/>
    <col min="1027" max="1027" width="22.42578125" style="1" customWidth="1"/>
    <col min="1028" max="1029" width="29.7109375" style="1" customWidth="1"/>
    <col min="1030" max="1281" width="9.140625" style="1"/>
    <col min="1282" max="1282" width="5.140625" style="1" bestFit="1" customWidth="1"/>
    <col min="1283" max="1283" width="22.42578125" style="1" customWidth="1"/>
    <col min="1284" max="1285" width="29.7109375" style="1" customWidth="1"/>
    <col min="1286" max="1537" width="9.140625" style="1"/>
    <col min="1538" max="1538" width="5.140625" style="1" bestFit="1" customWidth="1"/>
    <col min="1539" max="1539" width="22.42578125" style="1" customWidth="1"/>
    <col min="1540" max="1541" width="29.7109375" style="1" customWidth="1"/>
    <col min="1542" max="1793" width="9.140625" style="1"/>
    <col min="1794" max="1794" width="5.140625" style="1" bestFit="1" customWidth="1"/>
    <col min="1795" max="1795" width="22.42578125" style="1" customWidth="1"/>
    <col min="1796" max="1797" width="29.7109375" style="1" customWidth="1"/>
    <col min="1798" max="2049" width="9.140625" style="1"/>
    <col min="2050" max="2050" width="5.140625" style="1" bestFit="1" customWidth="1"/>
    <col min="2051" max="2051" width="22.42578125" style="1" customWidth="1"/>
    <col min="2052" max="2053" width="29.7109375" style="1" customWidth="1"/>
    <col min="2054" max="2305" width="9.140625" style="1"/>
    <col min="2306" max="2306" width="5.140625" style="1" bestFit="1" customWidth="1"/>
    <col min="2307" max="2307" width="22.42578125" style="1" customWidth="1"/>
    <col min="2308" max="2309" width="29.7109375" style="1" customWidth="1"/>
    <col min="2310" max="2561" width="9.140625" style="1"/>
    <col min="2562" max="2562" width="5.140625" style="1" bestFit="1" customWidth="1"/>
    <col min="2563" max="2563" width="22.42578125" style="1" customWidth="1"/>
    <col min="2564" max="2565" width="29.7109375" style="1" customWidth="1"/>
    <col min="2566" max="2817" width="9.140625" style="1"/>
    <col min="2818" max="2818" width="5.140625" style="1" bestFit="1" customWidth="1"/>
    <col min="2819" max="2819" width="22.42578125" style="1" customWidth="1"/>
    <col min="2820" max="2821" width="29.7109375" style="1" customWidth="1"/>
    <col min="2822" max="3073" width="9.140625" style="1"/>
    <col min="3074" max="3074" width="5.140625" style="1" bestFit="1" customWidth="1"/>
    <col min="3075" max="3075" width="22.42578125" style="1" customWidth="1"/>
    <col min="3076" max="3077" width="29.7109375" style="1" customWidth="1"/>
    <col min="3078" max="3329" width="9.140625" style="1"/>
    <col min="3330" max="3330" width="5.140625" style="1" bestFit="1" customWidth="1"/>
    <col min="3331" max="3331" width="22.42578125" style="1" customWidth="1"/>
    <col min="3332" max="3333" width="29.7109375" style="1" customWidth="1"/>
    <col min="3334" max="3585" width="9.140625" style="1"/>
    <col min="3586" max="3586" width="5.140625" style="1" bestFit="1" customWidth="1"/>
    <col min="3587" max="3587" width="22.42578125" style="1" customWidth="1"/>
    <col min="3588" max="3589" width="29.7109375" style="1" customWidth="1"/>
    <col min="3590" max="3841" width="9.140625" style="1"/>
    <col min="3842" max="3842" width="5.140625" style="1" bestFit="1" customWidth="1"/>
    <col min="3843" max="3843" width="22.42578125" style="1" customWidth="1"/>
    <col min="3844" max="3845" width="29.7109375" style="1" customWidth="1"/>
    <col min="3846" max="4097" width="9.140625" style="1"/>
    <col min="4098" max="4098" width="5.140625" style="1" bestFit="1" customWidth="1"/>
    <col min="4099" max="4099" width="22.42578125" style="1" customWidth="1"/>
    <col min="4100" max="4101" width="29.7109375" style="1" customWidth="1"/>
    <col min="4102" max="4353" width="9.140625" style="1"/>
    <col min="4354" max="4354" width="5.140625" style="1" bestFit="1" customWidth="1"/>
    <col min="4355" max="4355" width="22.42578125" style="1" customWidth="1"/>
    <col min="4356" max="4357" width="29.7109375" style="1" customWidth="1"/>
    <col min="4358" max="4609" width="9.140625" style="1"/>
    <col min="4610" max="4610" width="5.140625" style="1" bestFit="1" customWidth="1"/>
    <col min="4611" max="4611" width="22.42578125" style="1" customWidth="1"/>
    <col min="4612" max="4613" width="29.7109375" style="1" customWidth="1"/>
    <col min="4614" max="4865" width="9.140625" style="1"/>
    <col min="4866" max="4866" width="5.140625" style="1" bestFit="1" customWidth="1"/>
    <col min="4867" max="4867" width="22.42578125" style="1" customWidth="1"/>
    <col min="4868" max="4869" width="29.7109375" style="1" customWidth="1"/>
    <col min="4870" max="5121" width="9.140625" style="1"/>
    <col min="5122" max="5122" width="5.140625" style="1" bestFit="1" customWidth="1"/>
    <col min="5123" max="5123" width="22.42578125" style="1" customWidth="1"/>
    <col min="5124" max="5125" width="29.7109375" style="1" customWidth="1"/>
    <col min="5126" max="5377" width="9.140625" style="1"/>
    <col min="5378" max="5378" width="5.140625" style="1" bestFit="1" customWidth="1"/>
    <col min="5379" max="5379" width="22.42578125" style="1" customWidth="1"/>
    <col min="5380" max="5381" width="29.7109375" style="1" customWidth="1"/>
    <col min="5382" max="5633" width="9.140625" style="1"/>
    <col min="5634" max="5634" width="5.140625" style="1" bestFit="1" customWidth="1"/>
    <col min="5635" max="5635" width="22.42578125" style="1" customWidth="1"/>
    <col min="5636" max="5637" width="29.7109375" style="1" customWidth="1"/>
    <col min="5638" max="5889" width="9.140625" style="1"/>
    <col min="5890" max="5890" width="5.140625" style="1" bestFit="1" customWidth="1"/>
    <col min="5891" max="5891" width="22.42578125" style="1" customWidth="1"/>
    <col min="5892" max="5893" width="29.7109375" style="1" customWidth="1"/>
    <col min="5894" max="6145" width="9.140625" style="1"/>
    <col min="6146" max="6146" width="5.140625" style="1" bestFit="1" customWidth="1"/>
    <col min="6147" max="6147" width="22.42578125" style="1" customWidth="1"/>
    <col min="6148" max="6149" width="29.7109375" style="1" customWidth="1"/>
    <col min="6150" max="6401" width="9.140625" style="1"/>
    <col min="6402" max="6402" width="5.140625" style="1" bestFit="1" customWidth="1"/>
    <col min="6403" max="6403" width="22.42578125" style="1" customWidth="1"/>
    <col min="6404" max="6405" width="29.7109375" style="1" customWidth="1"/>
    <col min="6406" max="6657" width="9.140625" style="1"/>
    <col min="6658" max="6658" width="5.140625" style="1" bestFit="1" customWidth="1"/>
    <col min="6659" max="6659" width="22.42578125" style="1" customWidth="1"/>
    <col min="6660" max="6661" width="29.7109375" style="1" customWidth="1"/>
    <col min="6662" max="6913" width="9.140625" style="1"/>
    <col min="6914" max="6914" width="5.140625" style="1" bestFit="1" customWidth="1"/>
    <col min="6915" max="6915" width="22.42578125" style="1" customWidth="1"/>
    <col min="6916" max="6917" width="29.7109375" style="1" customWidth="1"/>
    <col min="6918" max="7169" width="9.140625" style="1"/>
    <col min="7170" max="7170" width="5.140625" style="1" bestFit="1" customWidth="1"/>
    <col min="7171" max="7171" width="22.42578125" style="1" customWidth="1"/>
    <col min="7172" max="7173" width="29.7109375" style="1" customWidth="1"/>
    <col min="7174" max="7425" width="9.140625" style="1"/>
    <col min="7426" max="7426" width="5.140625" style="1" bestFit="1" customWidth="1"/>
    <col min="7427" max="7427" width="22.42578125" style="1" customWidth="1"/>
    <col min="7428" max="7429" width="29.7109375" style="1" customWidth="1"/>
    <col min="7430" max="7681" width="9.140625" style="1"/>
    <col min="7682" max="7682" width="5.140625" style="1" bestFit="1" customWidth="1"/>
    <col min="7683" max="7683" width="22.42578125" style="1" customWidth="1"/>
    <col min="7684" max="7685" width="29.7109375" style="1" customWidth="1"/>
    <col min="7686" max="7937" width="9.140625" style="1"/>
    <col min="7938" max="7938" width="5.140625" style="1" bestFit="1" customWidth="1"/>
    <col min="7939" max="7939" width="22.42578125" style="1" customWidth="1"/>
    <col min="7940" max="7941" width="29.7109375" style="1" customWidth="1"/>
    <col min="7942" max="8193" width="9.140625" style="1"/>
    <col min="8194" max="8194" width="5.140625" style="1" bestFit="1" customWidth="1"/>
    <col min="8195" max="8195" width="22.42578125" style="1" customWidth="1"/>
    <col min="8196" max="8197" width="29.7109375" style="1" customWidth="1"/>
    <col min="8198" max="8449" width="9.140625" style="1"/>
    <col min="8450" max="8450" width="5.140625" style="1" bestFit="1" customWidth="1"/>
    <col min="8451" max="8451" width="22.42578125" style="1" customWidth="1"/>
    <col min="8452" max="8453" width="29.7109375" style="1" customWidth="1"/>
    <col min="8454" max="8705" width="9.140625" style="1"/>
    <col min="8706" max="8706" width="5.140625" style="1" bestFit="1" customWidth="1"/>
    <col min="8707" max="8707" width="22.42578125" style="1" customWidth="1"/>
    <col min="8708" max="8709" width="29.7109375" style="1" customWidth="1"/>
    <col min="8710" max="8961" width="9.140625" style="1"/>
    <col min="8962" max="8962" width="5.140625" style="1" bestFit="1" customWidth="1"/>
    <col min="8963" max="8963" width="22.42578125" style="1" customWidth="1"/>
    <col min="8964" max="8965" width="29.7109375" style="1" customWidth="1"/>
    <col min="8966" max="9217" width="9.140625" style="1"/>
    <col min="9218" max="9218" width="5.140625" style="1" bestFit="1" customWidth="1"/>
    <col min="9219" max="9219" width="22.42578125" style="1" customWidth="1"/>
    <col min="9220" max="9221" width="29.7109375" style="1" customWidth="1"/>
    <col min="9222" max="9473" width="9.140625" style="1"/>
    <col min="9474" max="9474" width="5.140625" style="1" bestFit="1" customWidth="1"/>
    <col min="9475" max="9475" width="22.42578125" style="1" customWidth="1"/>
    <col min="9476" max="9477" width="29.7109375" style="1" customWidth="1"/>
    <col min="9478" max="9729" width="9.140625" style="1"/>
    <col min="9730" max="9730" width="5.140625" style="1" bestFit="1" customWidth="1"/>
    <col min="9731" max="9731" width="22.42578125" style="1" customWidth="1"/>
    <col min="9732" max="9733" width="29.7109375" style="1" customWidth="1"/>
    <col min="9734" max="9985" width="9.140625" style="1"/>
    <col min="9986" max="9986" width="5.140625" style="1" bestFit="1" customWidth="1"/>
    <col min="9987" max="9987" width="22.42578125" style="1" customWidth="1"/>
    <col min="9988" max="9989" width="29.7109375" style="1" customWidth="1"/>
    <col min="9990" max="10241" width="9.140625" style="1"/>
    <col min="10242" max="10242" width="5.140625" style="1" bestFit="1" customWidth="1"/>
    <col min="10243" max="10243" width="22.42578125" style="1" customWidth="1"/>
    <col min="10244" max="10245" width="29.7109375" style="1" customWidth="1"/>
    <col min="10246" max="10497" width="9.140625" style="1"/>
    <col min="10498" max="10498" width="5.140625" style="1" bestFit="1" customWidth="1"/>
    <col min="10499" max="10499" width="22.42578125" style="1" customWidth="1"/>
    <col min="10500" max="10501" width="29.7109375" style="1" customWidth="1"/>
    <col min="10502" max="10753" width="9.140625" style="1"/>
    <col min="10754" max="10754" width="5.140625" style="1" bestFit="1" customWidth="1"/>
    <col min="10755" max="10755" width="22.42578125" style="1" customWidth="1"/>
    <col min="10756" max="10757" width="29.7109375" style="1" customWidth="1"/>
    <col min="10758" max="11009" width="9.140625" style="1"/>
    <col min="11010" max="11010" width="5.140625" style="1" bestFit="1" customWidth="1"/>
    <col min="11011" max="11011" width="22.42578125" style="1" customWidth="1"/>
    <col min="11012" max="11013" width="29.7109375" style="1" customWidth="1"/>
    <col min="11014" max="11265" width="9.140625" style="1"/>
    <col min="11266" max="11266" width="5.140625" style="1" bestFit="1" customWidth="1"/>
    <col min="11267" max="11267" width="22.42578125" style="1" customWidth="1"/>
    <col min="11268" max="11269" width="29.7109375" style="1" customWidth="1"/>
    <col min="11270" max="11521" width="9.140625" style="1"/>
    <col min="11522" max="11522" width="5.140625" style="1" bestFit="1" customWidth="1"/>
    <col min="11523" max="11523" width="22.42578125" style="1" customWidth="1"/>
    <col min="11524" max="11525" width="29.7109375" style="1" customWidth="1"/>
    <col min="11526" max="11777" width="9.140625" style="1"/>
    <col min="11778" max="11778" width="5.140625" style="1" bestFit="1" customWidth="1"/>
    <col min="11779" max="11779" width="22.42578125" style="1" customWidth="1"/>
    <col min="11780" max="11781" width="29.7109375" style="1" customWidth="1"/>
    <col min="11782" max="12033" width="9.140625" style="1"/>
    <col min="12034" max="12034" width="5.140625" style="1" bestFit="1" customWidth="1"/>
    <col min="12035" max="12035" width="22.42578125" style="1" customWidth="1"/>
    <col min="12036" max="12037" width="29.7109375" style="1" customWidth="1"/>
    <col min="12038" max="12289" width="9.140625" style="1"/>
    <col min="12290" max="12290" width="5.140625" style="1" bestFit="1" customWidth="1"/>
    <col min="12291" max="12291" width="22.42578125" style="1" customWidth="1"/>
    <col min="12292" max="12293" width="29.7109375" style="1" customWidth="1"/>
    <col min="12294" max="12545" width="9.140625" style="1"/>
    <col min="12546" max="12546" width="5.140625" style="1" bestFit="1" customWidth="1"/>
    <col min="12547" max="12547" width="22.42578125" style="1" customWidth="1"/>
    <col min="12548" max="12549" width="29.7109375" style="1" customWidth="1"/>
    <col min="12550" max="12801" width="9.140625" style="1"/>
    <col min="12802" max="12802" width="5.140625" style="1" bestFit="1" customWidth="1"/>
    <col min="12803" max="12803" width="22.42578125" style="1" customWidth="1"/>
    <col min="12804" max="12805" width="29.7109375" style="1" customWidth="1"/>
    <col min="12806" max="13057" width="9.140625" style="1"/>
    <col min="13058" max="13058" width="5.140625" style="1" bestFit="1" customWidth="1"/>
    <col min="13059" max="13059" width="22.42578125" style="1" customWidth="1"/>
    <col min="13060" max="13061" width="29.7109375" style="1" customWidth="1"/>
    <col min="13062" max="13313" width="9.140625" style="1"/>
    <col min="13314" max="13314" width="5.140625" style="1" bestFit="1" customWidth="1"/>
    <col min="13315" max="13315" width="22.42578125" style="1" customWidth="1"/>
    <col min="13316" max="13317" width="29.7109375" style="1" customWidth="1"/>
    <col min="13318" max="13569" width="9.140625" style="1"/>
    <col min="13570" max="13570" width="5.140625" style="1" bestFit="1" customWidth="1"/>
    <col min="13571" max="13571" width="22.42578125" style="1" customWidth="1"/>
    <col min="13572" max="13573" width="29.7109375" style="1" customWidth="1"/>
    <col min="13574" max="13825" width="9.140625" style="1"/>
    <col min="13826" max="13826" width="5.140625" style="1" bestFit="1" customWidth="1"/>
    <col min="13827" max="13827" width="22.42578125" style="1" customWidth="1"/>
    <col min="13828" max="13829" width="29.7109375" style="1" customWidth="1"/>
    <col min="13830" max="14081" width="9.140625" style="1"/>
    <col min="14082" max="14082" width="5.140625" style="1" bestFit="1" customWidth="1"/>
    <col min="14083" max="14083" width="22.42578125" style="1" customWidth="1"/>
    <col min="14084" max="14085" width="29.7109375" style="1" customWidth="1"/>
    <col min="14086" max="14337" width="9.140625" style="1"/>
    <col min="14338" max="14338" width="5.140625" style="1" bestFit="1" customWidth="1"/>
    <col min="14339" max="14339" width="22.42578125" style="1" customWidth="1"/>
    <col min="14340" max="14341" width="29.7109375" style="1" customWidth="1"/>
    <col min="14342" max="14593" width="9.140625" style="1"/>
    <col min="14594" max="14594" width="5.140625" style="1" bestFit="1" customWidth="1"/>
    <col min="14595" max="14595" width="22.42578125" style="1" customWidth="1"/>
    <col min="14596" max="14597" width="29.7109375" style="1" customWidth="1"/>
    <col min="14598" max="14849" width="9.140625" style="1"/>
    <col min="14850" max="14850" width="5.140625" style="1" bestFit="1" customWidth="1"/>
    <col min="14851" max="14851" width="22.42578125" style="1" customWidth="1"/>
    <col min="14852" max="14853" width="29.7109375" style="1" customWidth="1"/>
    <col min="14854" max="15105" width="9.140625" style="1"/>
    <col min="15106" max="15106" width="5.140625" style="1" bestFit="1" customWidth="1"/>
    <col min="15107" max="15107" width="22.42578125" style="1" customWidth="1"/>
    <col min="15108" max="15109" width="29.7109375" style="1" customWidth="1"/>
    <col min="15110" max="15361" width="9.140625" style="1"/>
    <col min="15362" max="15362" width="5.140625" style="1" bestFit="1" customWidth="1"/>
    <col min="15363" max="15363" width="22.42578125" style="1" customWidth="1"/>
    <col min="15364" max="15365" width="29.7109375" style="1" customWidth="1"/>
    <col min="15366" max="15617" width="9.140625" style="1"/>
    <col min="15618" max="15618" width="5.140625" style="1" bestFit="1" customWidth="1"/>
    <col min="15619" max="15619" width="22.42578125" style="1" customWidth="1"/>
    <col min="15620" max="15621" width="29.7109375" style="1" customWidth="1"/>
    <col min="15622" max="15873" width="9.140625" style="1"/>
    <col min="15874" max="15874" width="5.140625" style="1" bestFit="1" customWidth="1"/>
    <col min="15875" max="15875" width="22.42578125" style="1" customWidth="1"/>
    <col min="15876" max="15877" width="29.7109375" style="1" customWidth="1"/>
    <col min="15878" max="16129" width="9.140625" style="1"/>
    <col min="16130" max="16130" width="5.140625" style="1" bestFit="1" customWidth="1"/>
    <col min="16131" max="16131" width="22.42578125" style="1" customWidth="1"/>
    <col min="16132" max="16133" width="29.7109375" style="1" customWidth="1"/>
    <col min="16134" max="16384" width="9.140625" style="1"/>
  </cols>
  <sheetData>
    <row r="1" spans="2:11" s="5" customFormat="1" ht="20.100000000000001" customHeight="1">
      <c r="B1" s="245" t="s">
        <v>5</v>
      </c>
      <c r="C1" s="245"/>
    </row>
    <row r="2" spans="2:11" s="11" customFormat="1" ht="30" customHeight="1">
      <c r="B2" s="246" t="s">
        <v>97</v>
      </c>
      <c r="C2" s="247"/>
      <c r="D2" s="247"/>
      <c r="E2" s="248"/>
    </row>
    <row r="3" spans="2:11" s="19" customFormat="1" ht="15" customHeight="1">
      <c r="B3" s="249"/>
      <c r="C3" s="249"/>
      <c r="D3" s="249"/>
      <c r="E3" s="17"/>
    </row>
    <row r="4" spans="2:11" s="21" customFormat="1" ht="54.95" customHeight="1">
      <c r="B4" s="250" t="s">
        <v>6</v>
      </c>
      <c r="C4" s="250"/>
      <c r="D4" s="250"/>
      <c r="E4" s="250"/>
      <c r="F4" s="20"/>
      <c r="G4" s="20"/>
      <c r="H4" s="20"/>
      <c r="I4" s="20"/>
      <c r="J4" s="20"/>
      <c r="K4" s="20"/>
    </row>
    <row r="5" spans="2:11" ht="15" customHeight="1"/>
    <row r="6" spans="2:11" s="3" customFormat="1" ht="20.100000000000001" customHeight="1">
      <c r="B6" s="238" t="s">
        <v>49</v>
      </c>
      <c r="C6" s="238"/>
      <c r="D6" s="242"/>
      <c r="E6" s="242"/>
      <c r="G6" s="4"/>
    </row>
    <row r="7" spans="2:11" s="3" customFormat="1" ht="20.100000000000001" customHeight="1">
      <c r="B7" s="238" t="s">
        <v>50</v>
      </c>
      <c r="C7" s="238"/>
      <c r="D7" s="238"/>
      <c r="E7" s="238"/>
    </row>
    <row r="8" spans="2:11" s="3" customFormat="1" ht="20.100000000000001" customHeight="1">
      <c r="B8" s="238" t="s">
        <v>7</v>
      </c>
      <c r="C8" s="238"/>
      <c r="D8" s="241"/>
      <c r="E8" s="241"/>
    </row>
    <row r="9" spans="2:11" s="3" customFormat="1" ht="20.100000000000001" customHeight="1">
      <c r="B9" s="238" t="s">
        <v>8</v>
      </c>
      <c r="C9" s="238"/>
      <c r="D9" s="241"/>
      <c r="E9" s="241"/>
    </row>
    <row r="10" spans="2:11">
      <c r="B10" s="6"/>
      <c r="C10" s="6"/>
      <c r="D10" s="6"/>
      <c r="E10" s="3"/>
    </row>
    <row r="11" spans="2:11" ht="22.5" customHeight="1">
      <c r="B11" s="242" t="s">
        <v>70</v>
      </c>
      <c r="C11" s="242"/>
      <c r="D11" s="242"/>
      <c r="E11" s="132"/>
      <c r="F11" s="2"/>
      <c r="G11" s="2"/>
      <c r="H11" s="2"/>
      <c r="I11" s="2"/>
      <c r="J11" s="2"/>
      <c r="K11" s="2"/>
    </row>
    <row r="12" spans="2:11" s="3" customFormat="1" ht="20.100000000000001" customHeight="1">
      <c r="B12" s="238" t="s">
        <v>9</v>
      </c>
      <c r="C12" s="238"/>
      <c r="D12" s="243"/>
      <c r="E12" s="243"/>
    </row>
    <row r="13" spans="2:11" s="3" customFormat="1" ht="20.100000000000001" customHeight="1">
      <c r="B13" s="238" t="s">
        <v>10</v>
      </c>
      <c r="C13" s="238"/>
      <c r="D13" s="244"/>
      <c r="E13" s="244"/>
    </row>
    <row r="14" spans="2:11" s="3" customFormat="1" ht="20.100000000000001" customHeight="1">
      <c r="B14" s="238" t="s">
        <v>11</v>
      </c>
      <c r="C14" s="238"/>
      <c r="D14" s="239"/>
      <c r="E14" s="240"/>
    </row>
    <row r="15" spans="2:11" ht="18.75" customHeight="1">
      <c r="B15" s="5"/>
      <c r="C15" s="5"/>
      <c r="D15" s="5"/>
    </row>
    <row r="16" spans="2:11">
      <c r="C16" s="236"/>
      <c r="D16" s="236"/>
    </row>
    <row r="17" spans="2:6" ht="15" customHeight="1"/>
    <row r="18" spans="2:6" ht="15" customHeight="1"/>
    <row r="19" spans="2:6" s="3" customFormat="1">
      <c r="B19" s="3" t="s">
        <v>12</v>
      </c>
      <c r="C19" s="76"/>
      <c r="D19" s="6"/>
    </row>
    <row r="20" spans="2:6" s="3" customFormat="1">
      <c r="B20" s="3" t="s">
        <v>13</v>
      </c>
      <c r="C20" s="81"/>
      <c r="D20" s="6"/>
    </row>
    <row r="22" spans="2:6" ht="15" customHeight="1">
      <c r="D22" s="114" t="s">
        <v>51</v>
      </c>
      <c r="E22" s="7"/>
    </row>
    <row r="23" spans="2:6" ht="15" customHeight="1">
      <c r="D23" s="14" t="s">
        <v>22</v>
      </c>
      <c r="E23" s="13"/>
    </row>
    <row r="24" spans="2:6">
      <c r="E24" s="9"/>
    </row>
    <row r="25" spans="2:6">
      <c r="B25" s="236" t="s">
        <v>14</v>
      </c>
      <c r="C25" s="236"/>
    </row>
    <row r="26" spans="2:6" ht="12" customHeight="1">
      <c r="B26" s="8"/>
      <c r="C26" s="237" t="s">
        <v>15</v>
      </c>
      <c r="D26" s="237"/>
      <c r="E26" s="9"/>
      <c r="F26" s="10"/>
    </row>
    <row r="93" spans="5:5">
      <c r="E93" s="1" t="str">
        <f>IF('Príloha č.1'!D8="","",'Príloha č.1'!D8:E8)</f>
        <v/>
      </c>
    </row>
  </sheetData>
  <mergeCells count="22">
    <mergeCell ref="B1:C1"/>
    <mergeCell ref="B2:E2"/>
    <mergeCell ref="B3:D3"/>
    <mergeCell ref="B4:E4"/>
    <mergeCell ref="B6:C6"/>
    <mergeCell ref="D6:E6"/>
    <mergeCell ref="B11:D11"/>
    <mergeCell ref="B12:C12"/>
    <mergeCell ref="D12:E12"/>
    <mergeCell ref="B13:C13"/>
    <mergeCell ref="D13:E13"/>
    <mergeCell ref="B7:C7"/>
    <mergeCell ref="D7:E7"/>
    <mergeCell ref="B8:C8"/>
    <mergeCell ref="D8:E8"/>
    <mergeCell ref="B9:C9"/>
    <mergeCell ref="D9:E9"/>
    <mergeCell ref="C16:D16"/>
    <mergeCell ref="B25:C25"/>
    <mergeCell ref="C26:D26"/>
    <mergeCell ref="B14:C14"/>
    <mergeCell ref="D14:E14"/>
  </mergeCells>
  <conditionalFormatting sqref="B26:C26">
    <cfRule type="containsBlanks" dxfId="35" priority="6">
      <formula>LEN(TRIM(B26))=0</formula>
    </cfRule>
  </conditionalFormatting>
  <conditionalFormatting sqref="C19:C20">
    <cfRule type="containsBlanks" dxfId="34" priority="5">
      <formula>LEN(TRIM(C19))=0</formula>
    </cfRule>
  </conditionalFormatting>
  <conditionalFormatting sqref="D6:E9">
    <cfRule type="containsBlanks" dxfId="33" priority="7">
      <formula>LEN(TRIM(D6))=0</formula>
    </cfRule>
  </conditionalFormatting>
  <conditionalFormatting sqref="D12:E14">
    <cfRule type="containsBlanks" dxfId="32" priority="8">
      <formula>LEN(TRIM(D12))=0</formula>
    </cfRule>
  </conditionalFormatting>
  <conditionalFormatting sqref="E23">
    <cfRule type="containsBlanks" dxfId="31" priority="1">
      <formula>LEN(TRIM(E23))=0</formula>
    </cfRule>
  </conditionalFormatting>
  <pageMargins left="0.78740157480314965" right="0.78740157480314965" top="0.98425196850393704" bottom="0.78740157480314965" header="0.31496062992125984" footer="0.31496062992125984"/>
  <pageSetup paperSize="9" scale="95" orientation="portrait" r:id="rId1"/>
  <headerFooter>
    <oddHeader>&amp;L&amp;"Arial,Tučné"&amp;9Príloha č. 1 Výzvy na predkladanie ponúk
&amp;"Arial,Normálne"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B1:M64"/>
  <sheetViews>
    <sheetView showGridLines="0" tabSelected="1" zoomScaleNormal="100" zoomScalePageLayoutView="70" workbookViewId="0">
      <selection activeCell="B2" sqref="B2:I2"/>
    </sheetView>
  </sheetViews>
  <sheetFormatPr defaultColWidth="9.140625" defaultRowHeight="12"/>
  <cols>
    <col min="1" max="1" width="2.7109375" style="80" customWidth="1"/>
    <col min="2" max="2" width="5.28515625" style="80" customWidth="1"/>
    <col min="3" max="3" width="37" style="80" customWidth="1"/>
    <col min="4" max="4" width="14" style="80" customWidth="1"/>
    <col min="5" max="5" width="13.85546875" style="80" customWidth="1"/>
    <col min="6" max="12" width="12.7109375" style="80" customWidth="1"/>
    <col min="13" max="16" width="13.7109375" style="80" customWidth="1"/>
    <col min="17" max="16384" width="9.140625" style="80"/>
  </cols>
  <sheetData>
    <row r="1" spans="2:13" s="5" customFormat="1" ht="20.100000000000001" customHeight="1">
      <c r="B1" s="236" t="s">
        <v>5</v>
      </c>
      <c r="C1" s="236"/>
    </row>
    <row r="2" spans="2:13" s="11" customFormat="1" ht="30" customHeight="1">
      <c r="B2" s="246" t="str">
        <f>'Príloha č.1'!B2:E2</f>
        <v>Drenážne katétre</v>
      </c>
      <c r="C2" s="247"/>
      <c r="D2" s="247"/>
      <c r="E2" s="247"/>
      <c r="F2" s="247"/>
      <c r="G2" s="247"/>
      <c r="H2" s="247"/>
      <c r="I2" s="248"/>
    </row>
    <row r="3" spans="2:13" ht="27.75" customHeight="1">
      <c r="B3" s="354" t="s">
        <v>48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13" ht="12" customHeight="1">
      <c r="B4" s="189"/>
      <c r="C4" s="189"/>
      <c r="D4" s="189"/>
      <c r="E4" s="189"/>
      <c r="F4" s="189"/>
      <c r="G4" s="189"/>
      <c r="H4" s="189"/>
      <c r="I4" s="189"/>
      <c r="J4" s="189"/>
      <c r="K4" s="189"/>
      <c r="L4" s="189"/>
    </row>
    <row r="5" spans="2:13" ht="12" customHeight="1">
      <c r="B5" s="372" t="s">
        <v>104</v>
      </c>
      <c r="C5" s="372"/>
      <c r="D5" s="372"/>
      <c r="E5" s="372"/>
      <c r="F5" s="372"/>
      <c r="G5" s="372"/>
      <c r="H5" s="372"/>
      <c r="I5" s="372"/>
      <c r="J5" s="372"/>
      <c r="K5" s="372"/>
      <c r="L5" s="372"/>
      <c r="M5" s="372"/>
    </row>
    <row r="6" spans="2:13" ht="18.95" customHeight="1">
      <c r="B6" s="363" t="s">
        <v>30</v>
      </c>
      <c r="C6" s="363" t="s">
        <v>77</v>
      </c>
      <c r="D6" s="363" t="s">
        <v>87</v>
      </c>
      <c r="E6" s="363" t="s">
        <v>75</v>
      </c>
      <c r="F6" s="171" t="s">
        <v>76</v>
      </c>
      <c r="G6" s="363" t="s">
        <v>86</v>
      </c>
      <c r="H6" s="363" t="s">
        <v>85</v>
      </c>
      <c r="I6" s="363" t="s">
        <v>84</v>
      </c>
      <c r="J6" s="365" t="s">
        <v>74</v>
      </c>
      <c r="K6" s="366"/>
      <c r="L6" s="366"/>
      <c r="M6" s="367" t="s">
        <v>93</v>
      </c>
    </row>
    <row r="7" spans="2:13" ht="24" customHeight="1">
      <c r="B7" s="364"/>
      <c r="C7" s="364"/>
      <c r="D7" s="364"/>
      <c r="E7" s="364"/>
      <c r="F7" s="170"/>
      <c r="G7" s="364"/>
      <c r="H7" s="364"/>
      <c r="I7" s="364"/>
      <c r="J7" s="169" t="s">
        <v>44</v>
      </c>
      <c r="K7" s="168" t="s">
        <v>83</v>
      </c>
      <c r="L7" s="167" t="s">
        <v>46</v>
      </c>
      <c r="M7" s="368"/>
    </row>
    <row r="8" spans="2:13" ht="18.95" customHeight="1">
      <c r="B8" s="166" t="s">
        <v>0</v>
      </c>
      <c r="C8" s="165" t="s">
        <v>1</v>
      </c>
      <c r="D8" s="165" t="s">
        <v>2</v>
      </c>
      <c r="E8" s="165" t="s">
        <v>3</v>
      </c>
      <c r="F8" s="164" t="s">
        <v>4</v>
      </c>
      <c r="G8" s="165" t="s">
        <v>21</v>
      </c>
      <c r="H8" s="163" t="s">
        <v>29</v>
      </c>
      <c r="I8" s="162" t="s">
        <v>39</v>
      </c>
      <c r="J8" s="161" t="s">
        <v>28</v>
      </c>
      <c r="K8" s="160" t="s">
        <v>27</v>
      </c>
      <c r="L8" s="159" t="s">
        <v>26</v>
      </c>
      <c r="M8" s="158" t="s">
        <v>25</v>
      </c>
    </row>
    <row r="9" spans="2:13" ht="18.95" customHeight="1">
      <c r="B9" s="151" t="s">
        <v>0</v>
      </c>
      <c r="C9" s="157"/>
      <c r="D9" s="156"/>
      <c r="E9" s="155"/>
      <c r="F9" s="155"/>
      <c r="G9" s="155"/>
      <c r="H9" s="155"/>
      <c r="I9" s="190"/>
      <c r="J9" s="150"/>
      <c r="K9" s="149"/>
      <c r="L9" s="148"/>
      <c r="M9" s="369">
        <v>1980</v>
      </c>
    </row>
    <row r="10" spans="2:13" ht="18.95" customHeight="1">
      <c r="B10" s="152" t="s">
        <v>1</v>
      </c>
      <c r="C10" s="154"/>
      <c r="D10" s="153"/>
      <c r="E10" s="152"/>
      <c r="F10" s="152"/>
      <c r="G10" s="152"/>
      <c r="H10" s="152"/>
      <c r="I10" s="151"/>
      <c r="J10" s="150"/>
      <c r="K10" s="149"/>
      <c r="L10" s="148"/>
      <c r="M10" s="370"/>
    </row>
    <row r="11" spans="2:13" ht="18.95" customHeight="1">
      <c r="B11" s="145" t="s">
        <v>2</v>
      </c>
      <c r="C11" s="147"/>
      <c r="D11" s="146"/>
      <c r="E11" s="145"/>
      <c r="F11" s="145"/>
      <c r="G11" s="145"/>
      <c r="H11" s="145"/>
      <c r="I11" s="145"/>
      <c r="J11" s="144"/>
      <c r="K11" s="143"/>
      <c r="L11" s="142"/>
      <c r="M11" s="371"/>
    </row>
    <row r="12" spans="2:13" ht="12.75" customHeight="1">
      <c r="B12" s="140"/>
      <c r="C12" s="141"/>
      <c r="D12" s="141"/>
      <c r="E12" s="140"/>
      <c r="F12" s="140"/>
      <c r="G12" s="140"/>
      <c r="H12" s="140"/>
      <c r="I12" s="140"/>
      <c r="J12" s="202"/>
      <c r="K12" s="203"/>
      <c r="L12" s="202"/>
      <c r="M12" s="204"/>
    </row>
    <row r="13" spans="2:13" ht="18.95" customHeight="1">
      <c r="B13" s="372" t="s">
        <v>105</v>
      </c>
      <c r="C13" s="372"/>
      <c r="D13" s="372"/>
      <c r="E13" s="372"/>
      <c r="F13" s="372"/>
      <c r="G13" s="372"/>
      <c r="H13" s="372"/>
      <c r="I13" s="372"/>
      <c r="J13" s="372"/>
      <c r="K13" s="372"/>
      <c r="L13" s="372"/>
      <c r="M13" s="372"/>
    </row>
    <row r="14" spans="2:13" ht="18.95" customHeight="1">
      <c r="B14" s="363" t="s">
        <v>30</v>
      </c>
      <c r="C14" s="363" t="s">
        <v>77</v>
      </c>
      <c r="D14" s="363" t="s">
        <v>87</v>
      </c>
      <c r="E14" s="363" t="s">
        <v>75</v>
      </c>
      <c r="F14" s="191" t="s">
        <v>76</v>
      </c>
      <c r="G14" s="363" t="s">
        <v>86</v>
      </c>
      <c r="H14" s="363" t="s">
        <v>85</v>
      </c>
      <c r="I14" s="363" t="s">
        <v>84</v>
      </c>
      <c r="J14" s="365" t="s">
        <v>74</v>
      </c>
      <c r="K14" s="366"/>
      <c r="L14" s="366"/>
      <c r="M14" s="367" t="s">
        <v>94</v>
      </c>
    </row>
    <row r="15" spans="2:13" ht="18.95" customHeight="1">
      <c r="B15" s="364"/>
      <c r="C15" s="364"/>
      <c r="D15" s="364"/>
      <c r="E15" s="364"/>
      <c r="F15" s="192"/>
      <c r="G15" s="364"/>
      <c r="H15" s="364"/>
      <c r="I15" s="364"/>
      <c r="J15" s="169" t="s">
        <v>44</v>
      </c>
      <c r="K15" s="168" t="s">
        <v>83</v>
      </c>
      <c r="L15" s="167" t="s">
        <v>46</v>
      </c>
      <c r="M15" s="368"/>
    </row>
    <row r="16" spans="2:13" ht="18.95" customHeight="1">
      <c r="B16" s="166" t="s">
        <v>0</v>
      </c>
      <c r="C16" s="165" t="s">
        <v>1</v>
      </c>
      <c r="D16" s="165" t="s">
        <v>2</v>
      </c>
      <c r="E16" s="165" t="s">
        <v>3</v>
      </c>
      <c r="F16" s="164" t="s">
        <v>4</v>
      </c>
      <c r="G16" s="165" t="s">
        <v>21</v>
      </c>
      <c r="H16" s="163" t="s">
        <v>29</v>
      </c>
      <c r="I16" s="162" t="s">
        <v>39</v>
      </c>
      <c r="J16" s="161" t="s">
        <v>28</v>
      </c>
      <c r="K16" s="160" t="s">
        <v>27</v>
      </c>
      <c r="L16" s="159" t="s">
        <v>26</v>
      </c>
      <c r="M16" s="158" t="s">
        <v>25</v>
      </c>
    </row>
    <row r="17" spans="2:13" ht="18.95" customHeight="1">
      <c r="B17" s="151" t="s">
        <v>0</v>
      </c>
      <c r="C17" s="157"/>
      <c r="D17" s="156"/>
      <c r="E17" s="155"/>
      <c r="F17" s="155"/>
      <c r="G17" s="155"/>
      <c r="H17" s="155"/>
      <c r="I17" s="190"/>
      <c r="J17" s="150"/>
      <c r="K17" s="149"/>
      <c r="L17" s="148"/>
      <c r="M17" s="369">
        <v>1815</v>
      </c>
    </row>
    <row r="18" spans="2:13" ht="18.95" customHeight="1">
      <c r="B18" s="152" t="s">
        <v>1</v>
      </c>
      <c r="C18" s="154"/>
      <c r="D18" s="153"/>
      <c r="E18" s="152"/>
      <c r="F18" s="152"/>
      <c r="G18" s="152"/>
      <c r="H18" s="152"/>
      <c r="I18" s="151"/>
      <c r="J18" s="150"/>
      <c r="K18" s="149"/>
      <c r="L18" s="148"/>
      <c r="M18" s="370"/>
    </row>
    <row r="19" spans="2:13" ht="18.95" customHeight="1">
      <c r="B19" s="145" t="s">
        <v>2</v>
      </c>
      <c r="C19" s="147"/>
      <c r="D19" s="146"/>
      <c r="E19" s="145"/>
      <c r="F19" s="145"/>
      <c r="G19" s="145"/>
      <c r="H19" s="145"/>
      <c r="I19" s="145"/>
      <c r="J19" s="144"/>
      <c r="K19" s="143"/>
      <c r="L19" s="142"/>
      <c r="M19" s="371"/>
    </row>
    <row r="20" spans="2:13" ht="11.25" customHeight="1">
      <c r="B20" s="140"/>
      <c r="C20" s="141"/>
      <c r="D20" s="141"/>
      <c r="E20" s="140"/>
      <c r="F20" s="140"/>
      <c r="G20" s="140"/>
      <c r="H20" s="140"/>
      <c r="I20" s="140"/>
      <c r="J20" s="202"/>
      <c r="K20" s="203"/>
      <c r="L20" s="202"/>
      <c r="M20" s="204"/>
    </row>
    <row r="21" spans="2:13" ht="18.95" customHeight="1">
      <c r="B21" s="372" t="s">
        <v>106</v>
      </c>
      <c r="C21" s="372"/>
      <c r="D21" s="372"/>
      <c r="E21" s="372"/>
      <c r="F21" s="372"/>
      <c r="G21" s="372"/>
      <c r="H21" s="372"/>
      <c r="I21" s="372"/>
      <c r="J21" s="372"/>
      <c r="K21" s="372"/>
      <c r="L21" s="372"/>
      <c r="M21" s="372"/>
    </row>
    <row r="22" spans="2:13" ht="18.95" customHeight="1">
      <c r="B22" s="363" t="s">
        <v>30</v>
      </c>
      <c r="C22" s="363" t="s">
        <v>77</v>
      </c>
      <c r="D22" s="363" t="s">
        <v>87</v>
      </c>
      <c r="E22" s="363" t="s">
        <v>75</v>
      </c>
      <c r="F22" s="191" t="s">
        <v>76</v>
      </c>
      <c r="G22" s="363" t="s">
        <v>86</v>
      </c>
      <c r="H22" s="363" t="s">
        <v>85</v>
      </c>
      <c r="I22" s="363" t="s">
        <v>84</v>
      </c>
      <c r="J22" s="365" t="s">
        <v>74</v>
      </c>
      <c r="K22" s="366"/>
      <c r="L22" s="366"/>
      <c r="M22" s="367" t="s">
        <v>94</v>
      </c>
    </row>
    <row r="23" spans="2:13" ht="18.95" customHeight="1">
      <c r="B23" s="364"/>
      <c r="C23" s="364"/>
      <c r="D23" s="364"/>
      <c r="E23" s="364"/>
      <c r="F23" s="192"/>
      <c r="G23" s="364"/>
      <c r="H23" s="364"/>
      <c r="I23" s="364"/>
      <c r="J23" s="169" t="s">
        <v>44</v>
      </c>
      <c r="K23" s="168" t="s">
        <v>83</v>
      </c>
      <c r="L23" s="167" t="s">
        <v>46</v>
      </c>
      <c r="M23" s="368"/>
    </row>
    <row r="24" spans="2:13" ht="18.95" customHeight="1">
      <c r="B24" s="166" t="s">
        <v>0</v>
      </c>
      <c r="C24" s="165" t="s">
        <v>1</v>
      </c>
      <c r="D24" s="165" t="s">
        <v>2</v>
      </c>
      <c r="E24" s="165" t="s">
        <v>3</v>
      </c>
      <c r="F24" s="164" t="s">
        <v>4</v>
      </c>
      <c r="G24" s="165" t="s">
        <v>21</v>
      </c>
      <c r="H24" s="163" t="s">
        <v>29</v>
      </c>
      <c r="I24" s="162" t="s">
        <v>39</v>
      </c>
      <c r="J24" s="161" t="s">
        <v>28</v>
      </c>
      <c r="K24" s="160" t="s">
        <v>27</v>
      </c>
      <c r="L24" s="159" t="s">
        <v>26</v>
      </c>
      <c r="M24" s="158" t="s">
        <v>25</v>
      </c>
    </row>
    <row r="25" spans="2:13" ht="18.95" customHeight="1">
      <c r="B25" s="151" t="s">
        <v>0</v>
      </c>
      <c r="C25" s="157"/>
      <c r="D25" s="156"/>
      <c r="E25" s="155"/>
      <c r="F25" s="155"/>
      <c r="G25" s="155"/>
      <c r="H25" s="155"/>
      <c r="I25" s="190"/>
      <c r="J25" s="150"/>
      <c r="K25" s="149"/>
      <c r="L25" s="148"/>
      <c r="M25" s="369">
        <v>90</v>
      </c>
    </row>
    <row r="26" spans="2:13" ht="18.95" customHeight="1">
      <c r="B26" s="152" t="s">
        <v>1</v>
      </c>
      <c r="C26" s="154"/>
      <c r="D26" s="153"/>
      <c r="E26" s="152"/>
      <c r="F26" s="152"/>
      <c r="G26" s="152"/>
      <c r="H26" s="152"/>
      <c r="I26" s="151"/>
      <c r="J26" s="150"/>
      <c r="K26" s="149"/>
      <c r="L26" s="148"/>
      <c r="M26" s="370"/>
    </row>
    <row r="27" spans="2:13" ht="18.95" customHeight="1">
      <c r="B27" s="145" t="s">
        <v>2</v>
      </c>
      <c r="C27" s="147"/>
      <c r="D27" s="146"/>
      <c r="E27" s="145"/>
      <c r="F27" s="145"/>
      <c r="G27" s="145"/>
      <c r="H27" s="145"/>
      <c r="I27" s="145"/>
      <c r="J27" s="144"/>
      <c r="K27" s="143"/>
      <c r="L27" s="142"/>
      <c r="M27" s="371"/>
    </row>
    <row r="28" spans="2:13" ht="12.75" customHeight="1">
      <c r="B28" s="140"/>
      <c r="C28" s="141"/>
      <c r="D28" s="141"/>
      <c r="E28" s="140"/>
      <c r="F28" s="140"/>
      <c r="G28" s="140"/>
      <c r="H28" s="140"/>
      <c r="I28" s="140"/>
      <c r="J28" s="202"/>
      <c r="K28" s="203"/>
      <c r="L28" s="202"/>
      <c r="M28" s="204"/>
    </row>
    <row r="29" spans="2:13" ht="18.95" customHeight="1">
      <c r="B29" s="372" t="s">
        <v>107</v>
      </c>
      <c r="C29" s="372"/>
      <c r="D29" s="372"/>
      <c r="E29" s="372"/>
      <c r="F29" s="372"/>
      <c r="G29" s="372"/>
      <c r="H29" s="372"/>
      <c r="I29" s="372"/>
      <c r="J29" s="372"/>
      <c r="K29" s="372"/>
      <c r="L29" s="372"/>
      <c r="M29" s="372"/>
    </row>
    <row r="30" spans="2:13" ht="18.95" customHeight="1">
      <c r="B30" s="363" t="s">
        <v>30</v>
      </c>
      <c r="C30" s="363" t="s">
        <v>77</v>
      </c>
      <c r="D30" s="363" t="s">
        <v>87</v>
      </c>
      <c r="E30" s="363" t="s">
        <v>75</v>
      </c>
      <c r="F30" s="205" t="s">
        <v>76</v>
      </c>
      <c r="G30" s="363" t="s">
        <v>86</v>
      </c>
      <c r="H30" s="363" t="s">
        <v>85</v>
      </c>
      <c r="I30" s="363" t="s">
        <v>84</v>
      </c>
      <c r="J30" s="365" t="s">
        <v>74</v>
      </c>
      <c r="K30" s="366"/>
      <c r="L30" s="366"/>
      <c r="M30" s="367" t="s">
        <v>94</v>
      </c>
    </row>
    <row r="31" spans="2:13" ht="18.95" customHeight="1">
      <c r="B31" s="364"/>
      <c r="C31" s="364"/>
      <c r="D31" s="364"/>
      <c r="E31" s="364"/>
      <c r="F31" s="206"/>
      <c r="G31" s="364"/>
      <c r="H31" s="364"/>
      <c r="I31" s="364"/>
      <c r="J31" s="169" t="s">
        <v>44</v>
      </c>
      <c r="K31" s="168" t="s">
        <v>83</v>
      </c>
      <c r="L31" s="167" t="s">
        <v>46</v>
      </c>
      <c r="M31" s="368"/>
    </row>
    <row r="32" spans="2:13" ht="18.95" customHeight="1">
      <c r="B32" s="166" t="s">
        <v>0</v>
      </c>
      <c r="C32" s="165" t="s">
        <v>1</v>
      </c>
      <c r="D32" s="165" t="s">
        <v>2</v>
      </c>
      <c r="E32" s="165" t="s">
        <v>3</v>
      </c>
      <c r="F32" s="164" t="s">
        <v>4</v>
      </c>
      <c r="G32" s="165" t="s">
        <v>21</v>
      </c>
      <c r="H32" s="163" t="s">
        <v>29</v>
      </c>
      <c r="I32" s="162" t="s">
        <v>39</v>
      </c>
      <c r="J32" s="161" t="s">
        <v>28</v>
      </c>
      <c r="K32" s="160" t="s">
        <v>27</v>
      </c>
      <c r="L32" s="159" t="s">
        <v>26</v>
      </c>
      <c r="M32" s="158" t="s">
        <v>25</v>
      </c>
    </row>
    <row r="33" spans="2:13" ht="18.95" customHeight="1">
      <c r="B33" s="151" t="s">
        <v>0</v>
      </c>
      <c r="C33" s="157"/>
      <c r="D33" s="156"/>
      <c r="E33" s="155"/>
      <c r="F33" s="155"/>
      <c r="G33" s="155"/>
      <c r="H33" s="155"/>
      <c r="I33" s="190"/>
      <c r="J33" s="150"/>
      <c r="K33" s="149"/>
      <c r="L33" s="148"/>
      <c r="M33" s="369">
        <v>1239</v>
      </c>
    </row>
    <row r="34" spans="2:13" ht="18.95" customHeight="1">
      <c r="B34" s="152" t="s">
        <v>1</v>
      </c>
      <c r="C34" s="154"/>
      <c r="D34" s="153"/>
      <c r="E34" s="152"/>
      <c r="F34" s="152"/>
      <c r="G34" s="152"/>
      <c r="H34" s="152"/>
      <c r="I34" s="151"/>
      <c r="J34" s="150"/>
      <c r="K34" s="149"/>
      <c r="L34" s="148"/>
      <c r="M34" s="370"/>
    </row>
    <row r="35" spans="2:13" ht="18.95" customHeight="1">
      <c r="B35" s="145" t="s">
        <v>2</v>
      </c>
      <c r="C35" s="147"/>
      <c r="D35" s="146"/>
      <c r="E35" s="145"/>
      <c r="F35" s="145"/>
      <c r="G35" s="145"/>
      <c r="H35" s="145"/>
      <c r="I35" s="145"/>
      <c r="J35" s="144"/>
      <c r="K35" s="143"/>
      <c r="L35" s="142"/>
      <c r="M35" s="371"/>
    </row>
    <row r="36" spans="2:13" ht="13.5" customHeight="1">
      <c r="B36" s="140"/>
      <c r="C36" s="141"/>
      <c r="D36" s="141"/>
      <c r="E36" s="140"/>
      <c r="F36" s="140"/>
      <c r="G36" s="140"/>
      <c r="H36" s="140"/>
      <c r="I36" s="140"/>
      <c r="J36" s="202"/>
      <c r="K36" s="203"/>
      <c r="L36" s="202"/>
      <c r="M36" s="204"/>
    </row>
    <row r="37" spans="2:13" ht="10.5" customHeight="1">
      <c r="B37" s="373" t="s">
        <v>82</v>
      </c>
      <c r="C37" s="373"/>
      <c r="D37" s="373"/>
      <c r="E37" s="373"/>
      <c r="F37" s="373"/>
      <c r="G37" s="373"/>
      <c r="H37" s="373"/>
      <c r="I37" s="373"/>
      <c r="J37" s="373"/>
      <c r="K37" s="373"/>
      <c r="L37" s="373"/>
      <c r="M37" s="373"/>
    </row>
    <row r="38" spans="2:13" ht="6" customHeight="1">
      <c r="B38" s="189"/>
      <c r="C38" s="189"/>
      <c r="D38" s="189"/>
      <c r="E38" s="189"/>
      <c r="F38" s="189"/>
      <c r="G38" s="189"/>
      <c r="H38" s="189"/>
      <c r="I38" s="189"/>
      <c r="J38" s="189"/>
      <c r="K38" s="189"/>
      <c r="L38" s="189"/>
    </row>
    <row r="39" spans="2:13" ht="19.5" customHeight="1">
      <c r="B39" s="350" t="s">
        <v>34</v>
      </c>
      <c r="C39" s="350"/>
      <c r="D39" s="350"/>
      <c r="E39" s="350"/>
      <c r="F39" s="350"/>
      <c r="G39" s="136"/>
      <c r="H39" s="136"/>
      <c r="I39" s="136"/>
      <c r="J39" s="66"/>
      <c r="K39" s="66"/>
      <c r="L39" s="66"/>
    </row>
    <row r="40" spans="2:13" ht="12.75" customHeight="1">
      <c r="B40" s="65"/>
      <c r="C40" s="66"/>
      <c r="D40" s="66"/>
      <c r="E40" s="66"/>
      <c r="F40" s="136"/>
      <c r="G40" s="136"/>
      <c r="H40" s="136"/>
      <c r="I40" s="136"/>
      <c r="J40" s="133"/>
      <c r="K40" s="341"/>
      <c r="L40" s="341"/>
    </row>
    <row r="41" spans="2:13" ht="15" customHeight="1">
      <c r="B41" s="343" t="s">
        <v>49</v>
      </c>
      <c r="C41" s="343"/>
      <c r="D41" s="351" t="str">
        <f>IF('Príloha č.1'!$D$6="","",'Príloha č.1'!$D$6)</f>
        <v/>
      </c>
      <c r="E41" s="351"/>
      <c r="F41" s="351"/>
      <c r="G41" s="136"/>
      <c r="H41" s="136"/>
      <c r="I41" s="136"/>
      <c r="J41" s="133"/>
      <c r="K41" s="341"/>
      <c r="L41" s="341"/>
    </row>
    <row r="42" spans="2:13" ht="15" customHeight="1">
      <c r="B42" s="343" t="s">
        <v>50</v>
      </c>
      <c r="C42" s="343"/>
      <c r="D42" s="344" t="str">
        <f>IF('Príloha č.1'!$D$7="","",'Príloha č.1'!$D$7)</f>
        <v/>
      </c>
      <c r="E42" s="344"/>
      <c r="F42" s="344"/>
      <c r="G42" s="136"/>
      <c r="H42" s="136"/>
      <c r="I42" s="136"/>
      <c r="J42" s="133"/>
      <c r="K42" s="341"/>
      <c r="L42" s="341"/>
    </row>
    <row r="43" spans="2:13" ht="15" customHeight="1">
      <c r="B43" s="343" t="s">
        <v>7</v>
      </c>
      <c r="C43" s="343"/>
      <c r="D43" s="344" t="str">
        <f>IF('Príloha č.1'!$D$8="","",'Príloha č.1'!$D$8)</f>
        <v/>
      </c>
      <c r="E43" s="344"/>
      <c r="F43" s="344"/>
      <c r="G43" s="136"/>
      <c r="H43" s="136"/>
      <c r="I43" s="136"/>
      <c r="J43" s="133"/>
      <c r="K43" s="341"/>
      <c r="L43" s="341"/>
    </row>
    <row r="44" spans="2:13" ht="15" customHeight="1">
      <c r="B44" s="343" t="s">
        <v>8</v>
      </c>
      <c r="C44" s="343"/>
      <c r="D44" s="344" t="str">
        <f>IF('Príloha č.1'!$D$9="","",'Príloha č.1'!$D$9)</f>
        <v/>
      </c>
      <c r="E44" s="344"/>
      <c r="F44" s="344"/>
      <c r="G44" s="136"/>
      <c r="H44" s="136"/>
      <c r="I44" s="136"/>
      <c r="J44" s="133"/>
      <c r="K44" s="341"/>
      <c r="L44" s="341"/>
    </row>
    <row r="45" spans="2:13" ht="12" customHeight="1">
      <c r="B45" s="64"/>
      <c r="C45" s="64"/>
      <c r="D45" s="64"/>
      <c r="E45" s="64"/>
      <c r="F45" s="77"/>
      <c r="G45" s="77"/>
      <c r="H45" s="136"/>
      <c r="I45" s="136"/>
      <c r="J45" s="133"/>
      <c r="K45" s="341"/>
      <c r="L45" s="341"/>
    </row>
    <row r="46" spans="2:13" ht="15" customHeight="1">
      <c r="B46" s="67" t="s">
        <v>12</v>
      </c>
      <c r="C46" s="137" t="str">
        <f>IF('Príloha č.1'!C19:C19="","",'Príloha č.1'!C19:C19)</f>
        <v/>
      </c>
      <c r="D46" s="78"/>
      <c r="E46" s="68"/>
      <c r="F46" s="68"/>
      <c r="G46" s="68"/>
      <c r="H46" s="136"/>
      <c r="I46" s="136"/>
      <c r="J46" s="133"/>
      <c r="K46" s="341"/>
      <c r="L46" s="341"/>
    </row>
    <row r="47" spans="2:13" ht="15" customHeight="1">
      <c r="B47" s="67" t="s">
        <v>20</v>
      </c>
      <c r="C47" s="88" t="str">
        <f>IF('Príloha č.1'!C20:C20="","",'Príloha č.1'!C20:C20)</f>
        <v/>
      </c>
      <c r="D47" s="64"/>
      <c r="E47" s="64"/>
      <c r="F47" s="64"/>
      <c r="G47" s="64"/>
      <c r="H47" s="136"/>
      <c r="I47" s="136"/>
      <c r="J47" s="133"/>
      <c r="K47" s="341"/>
      <c r="L47" s="341"/>
    </row>
    <row r="48" spans="2:13" ht="15" customHeight="1">
      <c r="D48" s="67"/>
      <c r="E48" s="67"/>
      <c r="F48" s="64"/>
      <c r="G48" s="64"/>
      <c r="H48" s="64"/>
      <c r="I48" s="136"/>
      <c r="J48" s="133"/>
      <c r="K48" s="341"/>
      <c r="L48" s="341"/>
    </row>
    <row r="49" spans="2:13" ht="15" customHeight="1">
      <c r="B49" s="65"/>
      <c r="C49" s="66"/>
      <c r="D49" s="36"/>
      <c r="E49" s="14" t="s">
        <v>22</v>
      </c>
      <c r="F49" s="87" t="str">
        <f>IF('Príloha č.1'!E23="","",'Príloha č.1'!E23)</f>
        <v/>
      </c>
      <c r="G49" s="64"/>
      <c r="H49" s="85"/>
      <c r="I49" s="136"/>
      <c r="J49" s="133"/>
      <c r="K49" s="341"/>
      <c r="L49" s="341"/>
    </row>
    <row r="50" spans="2:13" ht="24.95" customHeight="1">
      <c r="B50" s="65"/>
      <c r="C50" s="66"/>
      <c r="D50" s="36"/>
      <c r="E50" s="1"/>
      <c r="F50" s="86" t="s">
        <v>23</v>
      </c>
      <c r="G50" s="64"/>
      <c r="H50" s="85"/>
      <c r="I50" s="136"/>
      <c r="J50" s="133"/>
      <c r="K50" s="341"/>
      <c r="L50" s="341"/>
    </row>
    <row r="51" spans="2:13" ht="5.25" customHeight="1">
      <c r="B51" s="65" t="s">
        <v>14</v>
      </c>
      <c r="C51" s="66"/>
      <c r="D51" s="36"/>
      <c r="E51" s="1"/>
      <c r="F51" s="86"/>
      <c r="G51" s="64"/>
      <c r="H51" s="85"/>
      <c r="I51" s="136"/>
      <c r="J51" s="133"/>
      <c r="K51" s="341"/>
      <c r="L51" s="341"/>
    </row>
    <row r="52" spans="2:13">
      <c r="B52" s="70"/>
      <c r="C52" s="342" t="s">
        <v>15</v>
      </c>
      <c r="D52" s="343"/>
      <c r="E52" s="343"/>
      <c r="F52" s="343"/>
      <c r="G52" s="137"/>
      <c r="H52" s="67"/>
      <c r="I52" s="67"/>
      <c r="J52" s="67"/>
      <c r="K52" s="67"/>
      <c r="L52" s="67"/>
      <c r="M52" s="67"/>
    </row>
    <row r="53" spans="2:13" ht="4.5" customHeight="1" thickBot="1">
      <c r="H53" s="72"/>
      <c r="I53" s="72"/>
      <c r="J53" s="68"/>
      <c r="K53" s="68"/>
      <c r="L53" s="68"/>
    </row>
    <row r="54" spans="2:13" ht="12.75" thickBot="1">
      <c r="B54" s="73"/>
      <c r="C54" s="71" t="s">
        <v>47</v>
      </c>
      <c r="D54" s="71"/>
      <c r="E54" s="71"/>
      <c r="F54" s="72"/>
      <c r="G54" s="72"/>
      <c r="H54" s="67"/>
      <c r="I54" s="67"/>
      <c r="J54" s="67"/>
      <c r="K54" s="67"/>
      <c r="L54" s="67"/>
    </row>
    <row r="55" spans="2:13">
      <c r="H55" s="67"/>
      <c r="I55" s="67"/>
      <c r="J55" s="67"/>
      <c r="K55" s="67"/>
      <c r="L55" s="67"/>
    </row>
    <row r="56" spans="2:13" ht="12" customHeight="1">
      <c r="H56" s="77"/>
      <c r="I56" s="77"/>
      <c r="J56" s="67"/>
      <c r="K56" s="67"/>
    </row>
    <row r="57" spans="2:13" ht="11.25" customHeight="1">
      <c r="H57" s="77"/>
      <c r="I57" s="77"/>
      <c r="J57" s="64"/>
      <c r="K57" s="64"/>
    </row>
    <row r="58" spans="2:13">
      <c r="H58" s="77"/>
      <c r="I58" s="77"/>
      <c r="J58" s="64"/>
      <c r="K58" s="64"/>
    </row>
    <row r="59" spans="2:13">
      <c r="H59" s="77"/>
      <c r="I59" s="77"/>
      <c r="J59" s="64"/>
      <c r="K59" s="64"/>
    </row>
    <row r="60" spans="2:13">
      <c r="H60" s="68"/>
      <c r="I60" s="68"/>
      <c r="J60" s="64"/>
      <c r="K60" s="64"/>
    </row>
    <row r="61" spans="2:13">
      <c r="H61" s="137"/>
      <c r="I61" s="137"/>
      <c r="J61" s="68"/>
      <c r="K61" s="68"/>
    </row>
    <row r="62" spans="2:13" ht="4.5" customHeight="1">
      <c r="H62" s="72"/>
      <c r="I62" s="72"/>
      <c r="J62" s="68"/>
      <c r="K62" s="68"/>
      <c r="L62" s="68"/>
    </row>
    <row r="63" spans="2:13">
      <c r="H63" s="72"/>
      <c r="I63" s="72"/>
      <c r="J63" s="69"/>
      <c r="K63" s="65"/>
      <c r="L63" s="68"/>
    </row>
    <row r="64" spans="2:13">
      <c r="B64" s="343"/>
      <c r="C64" s="343"/>
      <c r="D64" s="343"/>
      <c r="E64" s="343"/>
      <c r="F64" s="343"/>
      <c r="G64" s="343"/>
      <c r="H64" s="343"/>
      <c r="I64" s="343"/>
      <c r="J64" s="343"/>
      <c r="K64" s="343"/>
      <c r="L64" s="343"/>
    </row>
  </sheetData>
  <mergeCells count="71">
    <mergeCell ref="M33:M35"/>
    <mergeCell ref="B29:M29"/>
    <mergeCell ref="B30:B31"/>
    <mergeCell ref="C30:C31"/>
    <mergeCell ref="D30:D31"/>
    <mergeCell ref="E30:E31"/>
    <mergeCell ref="G30:G31"/>
    <mergeCell ref="H30:H31"/>
    <mergeCell ref="I30:I31"/>
    <mergeCell ref="J30:L30"/>
    <mergeCell ref="M30:M31"/>
    <mergeCell ref="B1:C1"/>
    <mergeCell ref="B2:I2"/>
    <mergeCell ref="B3:L3"/>
    <mergeCell ref="B5:M5"/>
    <mergeCell ref="B37:M37"/>
    <mergeCell ref="J14:L14"/>
    <mergeCell ref="M25:M27"/>
    <mergeCell ref="M14:M15"/>
    <mergeCell ref="M17:M19"/>
    <mergeCell ref="B21:M21"/>
    <mergeCell ref="B22:B23"/>
    <mergeCell ref="C22:C23"/>
    <mergeCell ref="D22:D23"/>
    <mergeCell ref="E22:E23"/>
    <mergeCell ref="G22:G23"/>
    <mergeCell ref="H22:H23"/>
    <mergeCell ref="B39:F39"/>
    <mergeCell ref="H6:H7"/>
    <mergeCell ref="I6:I7"/>
    <mergeCell ref="J6:L6"/>
    <mergeCell ref="M6:M7"/>
    <mergeCell ref="M9:M11"/>
    <mergeCell ref="B6:B7"/>
    <mergeCell ref="C6:C7"/>
    <mergeCell ref="D6:D7"/>
    <mergeCell ref="E6:E7"/>
    <mergeCell ref="G6:G7"/>
    <mergeCell ref="B13:M13"/>
    <mergeCell ref="B14:B15"/>
    <mergeCell ref="C14:C15"/>
    <mergeCell ref="D14:D15"/>
    <mergeCell ref="I14:I15"/>
    <mergeCell ref="K44:L44"/>
    <mergeCell ref="K40:L40"/>
    <mergeCell ref="B41:C41"/>
    <mergeCell ref="D41:F41"/>
    <mergeCell ref="K41:L41"/>
    <mergeCell ref="B42:C42"/>
    <mergeCell ref="D42:F42"/>
    <mergeCell ref="K42:L42"/>
    <mergeCell ref="B43:C43"/>
    <mergeCell ref="D43:F43"/>
    <mergeCell ref="K43:L43"/>
    <mergeCell ref="B44:C44"/>
    <mergeCell ref="D44:F44"/>
    <mergeCell ref="K51:L51"/>
    <mergeCell ref="C52:F52"/>
    <mergeCell ref="B64:L64"/>
    <mergeCell ref="K45:L45"/>
    <mergeCell ref="K46:L46"/>
    <mergeCell ref="K47:L47"/>
    <mergeCell ref="K48:L48"/>
    <mergeCell ref="K49:L49"/>
    <mergeCell ref="K50:L50"/>
    <mergeCell ref="I22:I23"/>
    <mergeCell ref="J22:L22"/>
    <mergeCell ref="M22:M23"/>
    <mergeCell ref="E14:E15"/>
    <mergeCell ref="G14:G15"/>
    <mergeCell ref="H14:H15"/>
  </mergeCells>
  <conditionalFormatting sqref="C46:C47">
    <cfRule type="containsBlanks" dxfId="2" priority="3">
      <formula>LEN(TRIM(C46))=0</formula>
    </cfRule>
  </conditionalFormatting>
  <conditionalFormatting sqref="D41:F44">
    <cfRule type="containsBlanks" dxfId="1" priority="2">
      <formula>LEN(TRIM(D41))=0</formula>
    </cfRule>
  </conditionalFormatting>
  <conditionalFormatting sqref="F49">
    <cfRule type="containsBlanks" dxfId="0" priority="1">
      <formula>LEN(TRIM(F49))=0</formula>
    </cfRule>
  </conditionalFormatting>
  <pageMargins left="0.70866141732283472" right="0.70866141732283472" top="0.62678571428571428" bottom="0.35433070866141736" header="0.31496062992125984" footer="0.31496062992125984"/>
  <pageSetup paperSize="9" scale="69" fitToHeight="0" orientation="landscape" r:id="rId1"/>
  <headerFooter>
    <oddHeader>&amp;L&amp;"Arial,Tučné"&amp;9Príloha č. 10 Výzvy na predkladanie ponúk &amp;"Arial,Normálne"
Sortiment ponúkaného tovaru</oddHeader>
  </headerFooter>
  <rowBreaks count="1" manualBreakCount="1">
    <brk id="28" max="1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24"/>
  <sheetViews>
    <sheetView showGridLines="0" zoomScaleNormal="100" workbookViewId="0">
      <selection activeCell="B2" sqref="B2:E2"/>
    </sheetView>
  </sheetViews>
  <sheetFormatPr defaultRowHeight="12"/>
  <cols>
    <col min="1" max="1" width="2.7109375" style="5" customWidth="1"/>
    <col min="2" max="2" width="6.42578125" style="5" customWidth="1"/>
    <col min="3" max="3" width="22.85546875" style="5" customWidth="1"/>
    <col min="4" max="4" width="28.7109375" style="5" customWidth="1"/>
    <col min="5" max="5" width="33.42578125" style="5" customWidth="1"/>
    <col min="6" max="6" width="10.42578125" style="5" bestFit="1" customWidth="1"/>
    <col min="7" max="257" width="9.140625" style="5"/>
    <col min="258" max="258" width="4.7109375" style="5" bestFit="1" customWidth="1"/>
    <col min="259" max="259" width="19.7109375" style="5" customWidth="1"/>
    <col min="260" max="260" width="28.7109375" style="5" customWidth="1"/>
    <col min="261" max="261" width="33.42578125" style="5" customWidth="1"/>
    <col min="262" max="262" width="10.42578125" style="5" bestFit="1" customWidth="1"/>
    <col min="263" max="513" width="9.140625" style="5"/>
    <col min="514" max="514" width="4.7109375" style="5" bestFit="1" customWidth="1"/>
    <col min="515" max="515" width="19.7109375" style="5" customWidth="1"/>
    <col min="516" max="516" width="28.7109375" style="5" customWidth="1"/>
    <col min="517" max="517" width="33.42578125" style="5" customWidth="1"/>
    <col min="518" max="518" width="10.42578125" style="5" bestFit="1" customWidth="1"/>
    <col min="519" max="769" width="9.140625" style="5"/>
    <col min="770" max="770" width="4.7109375" style="5" bestFit="1" customWidth="1"/>
    <col min="771" max="771" width="19.7109375" style="5" customWidth="1"/>
    <col min="772" max="772" width="28.7109375" style="5" customWidth="1"/>
    <col min="773" max="773" width="33.42578125" style="5" customWidth="1"/>
    <col min="774" max="774" width="10.42578125" style="5" bestFit="1" customWidth="1"/>
    <col min="775" max="1025" width="9.140625" style="5"/>
    <col min="1026" max="1026" width="4.7109375" style="5" bestFit="1" customWidth="1"/>
    <col min="1027" max="1027" width="19.7109375" style="5" customWidth="1"/>
    <col min="1028" max="1028" width="28.7109375" style="5" customWidth="1"/>
    <col min="1029" max="1029" width="33.42578125" style="5" customWidth="1"/>
    <col min="1030" max="1030" width="10.42578125" style="5" bestFit="1" customWidth="1"/>
    <col min="1031" max="1281" width="9.140625" style="5"/>
    <col min="1282" max="1282" width="4.7109375" style="5" bestFit="1" customWidth="1"/>
    <col min="1283" max="1283" width="19.7109375" style="5" customWidth="1"/>
    <col min="1284" max="1284" width="28.7109375" style="5" customWidth="1"/>
    <col min="1285" max="1285" width="33.42578125" style="5" customWidth="1"/>
    <col min="1286" max="1286" width="10.42578125" style="5" bestFit="1" customWidth="1"/>
    <col min="1287" max="1537" width="9.140625" style="5"/>
    <col min="1538" max="1538" width="4.7109375" style="5" bestFit="1" customWidth="1"/>
    <col min="1539" max="1539" width="19.7109375" style="5" customWidth="1"/>
    <col min="1540" max="1540" width="28.7109375" style="5" customWidth="1"/>
    <col min="1541" max="1541" width="33.42578125" style="5" customWidth="1"/>
    <col min="1542" max="1542" width="10.42578125" style="5" bestFit="1" customWidth="1"/>
    <col min="1543" max="1793" width="9.140625" style="5"/>
    <col min="1794" max="1794" width="4.7109375" style="5" bestFit="1" customWidth="1"/>
    <col min="1795" max="1795" width="19.7109375" style="5" customWidth="1"/>
    <col min="1796" max="1796" width="28.7109375" style="5" customWidth="1"/>
    <col min="1797" max="1797" width="33.42578125" style="5" customWidth="1"/>
    <col min="1798" max="1798" width="10.42578125" style="5" bestFit="1" customWidth="1"/>
    <col min="1799" max="2049" width="9.140625" style="5"/>
    <col min="2050" max="2050" width="4.7109375" style="5" bestFit="1" customWidth="1"/>
    <col min="2051" max="2051" width="19.7109375" style="5" customWidth="1"/>
    <col min="2052" max="2052" width="28.7109375" style="5" customWidth="1"/>
    <col min="2053" max="2053" width="33.42578125" style="5" customWidth="1"/>
    <col min="2054" max="2054" width="10.42578125" style="5" bestFit="1" customWidth="1"/>
    <col min="2055" max="2305" width="9.140625" style="5"/>
    <col min="2306" max="2306" width="4.7109375" style="5" bestFit="1" customWidth="1"/>
    <col min="2307" max="2307" width="19.7109375" style="5" customWidth="1"/>
    <col min="2308" max="2308" width="28.7109375" style="5" customWidth="1"/>
    <col min="2309" max="2309" width="33.42578125" style="5" customWidth="1"/>
    <col min="2310" max="2310" width="10.42578125" style="5" bestFit="1" customWidth="1"/>
    <col min="2311" max="2561" width="9.140625" style="5"/>
    <col min="2562" max="2562" width="4.7109375" style="5" bestFit="1" customWidth="1"/>
    <col min="2563" max="2563" width="19.7109375" style="5" customWidth="1"/>
    <col min="2564" max="2564" width="28.7109375" style="5" customWidth="1"/>
    <col min="2565" max="2565" width="33.42578125" style="5" customWidth="1"/>
    <col min="2566" max="2566" width="10.42578125" style="5" bestFit="1" customWidth="1"/>
    <col min="2567" max="2817" width="9.140625" style="5"/>
    <col min="2818" max="2818" width="4.7109375" style="5" bestFit="1" customWidth="1"/>
    <col min="2819" max="2819" width="19.7109375" style="5" customWidth="1"/>
    <col min="2820" max="2820" width="28.7109375" style="5" customWidth="1"/>
    <col min="2821" max="2821" width="33.42578125" style="5" customWidth="1"/>
    <col min="2822" max="2822" width="10.42578125" style="5" bestFit="1" customWidth="1"/>
    <col min="2823" max="3073" width="9.140625" style="5"/>
    <col min="3074" max="3074" width="4.7109375" style="5" bestFit="1" customWidth="1"/>
    <col min="3075" max="3075" width="19.7109375" style="5" customWidth="1"/>
    <col min="3076" max="3076" width="28.7109375" style="5" customWidth="1"/>
    <col min="3077" max="3077" width="33.42578125" style="5" customWidth="1"/>
    <col min="3078" max="3078" width="10.42578125" style="5" bestFit="1" customWidth="1"/>
    <col min="3079" max="3329" width="9.140625" style="5"/>
    <col min="3330" max="3330" width="4.7109375" style="5" bestFit="1" customWidth="1"/>
    <col min="3331" max="3331" width="19.7109375" style="5" customWidth="1"/>
    <col min="3332" max="3332" width="28.7109375" style="5" customWidth="1"/>
    <col min="3333" max="3333" width="33.42578125" style="5" customWidth="1"/>
    <col min="3334" max="3334" width="10.42578125" style="5" bestFit="1" customWidth="1"/>
    <col min="3335" max="3585" width="9.140625" style="5"/>
    <col min="3586" max="3586" width="4.7109375" style="5" bestFit="1" customWidth="1"/>
    <col min="3587" max="3587" width="19.7109375" style="5" customWidth="1"/>
    <col min="3588" max="3588" width="28.7109375" style="5" customWidth="1"/>
    <col min="3589" max="3589" width="33.42578125" style="5" customWidth="1"/>
    <col min="3590" max="3590" width="10.42578125" style="5" bestFit="1" customWidth="1"/>
    <col min="3591" max="3841" width="9.140625" style="5"/>
    <col min="3842" max="3842" width="4.7109375" style="5" bestFit="1" customWidth="1"/>
    <col min="3843" max="3843" width="19.7109375" style="5" customWidth="1"/>
    <col min="3844" max="3844" width="28.7109375" style="5" customWidth="1"/>
    <col min="3845" max="3845" width="33.42578125" style="5" customWidth="1"/>
    <col min="3846" max="3846" width="10.42578125" style="5" bestFit="1" customWidth="1"/>
    <col min="3847" max="4097" width="9.140625" style="5"/>
    <col min="4098" max="4098" width="4.7109375" style="5" bestFit="1" customWidth="1"/>
    <col min="4099" max="4099" width="19.7109375" style="5" customWidth="1"/>
    <col min="4100" max="4100" width="28.7109375" style="5" customWidth="1"/>
    <col min="4101" max="4101" width="33.42578125" style="5" customWidth="1"/>
    <col min="4102" max="4102" width="10.42578125" style="5" bestFit="1" customWidth="1"/>
    <col min="4103" max="4353" width="9.140625" style="5"/>
    <col min="4354" max="4354" width="4.7109375" style="5" bestFit="1" customWidth="1"/>
    <col min="4355" max="4355" width="19.7109375" style="5" customWidth="1"/>
    <col min="4356" max="4356" width="28.7109375" style="5" customWidth="1"/>
    <col min="4357" max="4357" width="33.42578125" style="5" customWidth="1"/>
    <col min="4358" max="4358" width="10.42578125" style="5" bestFit="1" customWidth="1"/>
    <col min="4359" max="4609" width="9.140625" style="5"/>
    <col min="4610" max="4610" width="4.7109375" style="5" bestFit="1" customWidth="1"/>
    <col min="4611" max="4611" width="19.7109375" style="5" customWidth="1"/>
    <col min="4612" max="4612" width="28.7109375" style="5" customWidth="1"/>
    <col min="4613" max="4613" width="33.42578125" style="5" customWidth="1"/>
    <col min="4614" max="4614" width="10.42578125" style="5" bestFit="1" customWidth="1"/>
    <col min="4615" max="4865" width="9.140625" style="5"/>
    <col min="4866" max="4866" width="4.7109375" style="5" bestFit="1" customWidth="1"/>
    <col min="4867" max="4867" width="19.7109375" style="5" customWidth="1"/>
    <col min="4868" max="4868" width="28.7109375" style="5" customWidth="1"/>
    <col min="4869" max="4869" width="33.42578125" style="5" customWidth="1"/>
    <col min="4870" max="4870" width="10.42578125" style="5" bestFit="1" customWidth="1"/>
    <col min="4871" max="5121" width="9.140625" style="5"/>
    <col min="5122" max="5122" width="4.7109375" style="5" bestFit="1" customWidth="1"/>
    <col min="5123" max="5123" width="19.7109375" style="5" customWidth="1"/>
    <col min="5124" max="5124" width="28.7109375" style="5" customWidth="1"/>
    <col min="5125" max="5125" width="33.42578125" style="5" customWidth="1"/>
    <col min="5126" max="5126" width="10.42578125" style="5" bestFit="1" customWidth="1"/>
    <col min="5127" max="5377" width="9.140625" style="5"/>
    <col min="5378" max="5378" width="4.7109375" style="5" bestFit="1" customWidth="1"/>
    <col min="5379" max="5379" width="19.7109375" style="5" customWidth="1"/>
    <col min="5380" max="5380" width="28.7109375" style="5" customWidth="1"/>
    <col min="5381" max="5381" width="33.42578125" style="5" customWidth="1"/>
    <col min="5382" max="5382" width="10.42578125" style="5" bestFit="1" customWidth="1"/>
    <col min="5383" max="5633" width="9.140625" style="5"/>
    <col min="5634" max="5634" width="4.7109375" style="5" bestFit="1" customWidth="1"/>
    <col min="5635" max="5635" width="19.7109375" style="5" customWidth="1"/>
    <col min="5636" max="5636" width="28.7109375" style="5" customWidth="1"/>
    <col min="5637" max="5637" width="33.42578125" style="5" customWidth="1"/>
    <col min="5638" max="5638" width="10.42578125" style="5" bestFit="1" customWidth="1"/>
    <col min="5639" max="5889" width="9.140625" style="5"/>
    <col min="5890" max="5890" width="4.7109375" style="5" bestFit="1" customWidth="1"/>
    <col min="5891" max="5891" width="19.7109375" style="5" customWidth="1"/>
    <col min="5892" max="5892" width="28.7109375" style="5" customWidth="1"/>
    <col min="5893" max="5893" width="33.42578125" style="5" customWidth="1"/>
    <col min="5894" max="5894" width="10.42578125" style="5" bestFit="1" customWidth="1"/>
    <col min="5895" max="6145" width="9.140625" style="5"/>
    <col min="6146" max="6146" width="4.7109375" style="5" bestFit="1" customWidth="1"/>
    <col min="6147" max="6147" width="19.7109375" style="5" customWidth="1"/>
    <col min="6148" max="6148" width="28.7109375" style="5" customWidth="1"/>
    <col min="6149" max="6149" width="33.42578125" style="5" customWidth="1"/>
    <col min="6150" max="6150" width="10.42578125" style="5" bestFit="1" customWidth="1"/>
    <col min="6151" max="6401" width="9.140625" style="5"/>
    <col min="6402" max="6402" width="4.7109375" style="5" bestFit="1" customWidth="1"/>
    <col min="6403" max="6403" width="19.7109375" style="5" customWidth="1"/>
    <col min="6404" max="6404" width="28.7109375" style="5" customWidth="1"/>
    <col min="6405" max="6405" width="33.42578125" style="5" customWidth="1"/>
    <col min="6406" max="6406" width="10.42578125" style="5" bestFit="1" customWidth="1"/>
    <col min="6407" max="6657" width="9.140625" style="5"/>
    <col min="6658" max="6658" width="4.7109375" style="5" bestFit="1" customWidth="1"/>
    <col min="6659" max="6659" width="19.7109375" style="5" customWidth="1"/>
    <col min="6660" max="6660" width="28.7109375" style="5" customWidth="1"/>
    <col min="6661" max="6661" width="33.42578125" style="5" customWidth="1"/>
    <col min="6662" max="6662" width="10.42578125" style="5" bestFit="1" customWidth="1"/>
    <col min="6663" max="6913" width="9.140625" style="5"/>
    <col min="6914" max="6914" width="4.7109375" style="5" bestFit="1" customWidth="1"/>
    <col min="6915" max="6915" width="19.7109375" style="5" customWidth="1"/>
    <col min="6916" max="6916" width="28.7109375" style="5" customWidth="1"/>
    <col min="6917" max="6917" width="33.42578125" style="5" customWidth="1"/>
    <col min="6918" max="6918" width="10.42578125" style="5" bestFit="1" customWidth="1"/>
    <col min="6919" max="7169" width="9.140625" style="5"/>
    <col min="7170" max="7170" width="4.7109375" style="5" bestFit="1" customWidth="1"/>
    <col min="7171" max="7171" width="19.7109375" style="5" customWidth="1"/>
    <col min="7172" max="7172" width="28.7109375" style="5" customWidth="1"/>
    <col min="7173" max="7173" width="33.42578125" style="5" customWidth="1"/>
    <col min="7174" max="7174" width="10.42578125" style="5" bestFit="1" customWidth="1"/>
    <col min="7175" max="7425" width="9.140625" style="5"/>
    <col min="7426" max="7426" width="4.7109375" style="5" bestFit="1" customWidth="1"/>
    <col min="7427" max="7427" width="19.7109375" style="5" customWidth="1"/>
    <col min="7428" max="7428" width="28.7109375" style="5" customWidth="1"/>
    <col min="7429" max="7429" width="33.42578125" style="5" customWidth="1"/>
    <col min="7430" max="7430" width="10.42578125" style="5" bestFit="1" customWidth="1"/>
    <col min="7431" max="7681" width="9.140625" style="5"/>
    <col min="7682" max="7682" width="4.7109375" style="5" bestFit="1" customWidth="1"/>
    <col min="7683" max="7683" width="19.7109375" style="5" customWidth="1"/>
    <col min="7684" max="7684" width="28.7109375" style="5" customWidth="1"/>
    <col min="7685" max="7685" width="33.42578125" style="5" customWidth="1"/>
    <col min="7686" max="7686" width="10.42578125" style="5" bestFit="1" customWidth="1"/>
    <col min="7687" max="7937" width="9.140625" style="5"/>
    <col min="7938" max="7938" width="4.7109375" style="5" bestFit="1" customWidth="1"/>
    <col min="7939" max="7939" width="19.7109375" style="5" customWidth="1"/>
    <col min="7940" max="7940" width="28.7109375" style="5" customWidth="1"/>
    <col min="7941" max="7941" width="33.42578125" style="5" customWidth="1"/>
    <col min="7942" max="7942" width="10.42578125" style="5" bestFit="1" customWidth="1"/>
    <col min="7943" max="8193" width="9.140625" style="5"/>
    <col min="8194" max="8194" width="4.7109375" style="5" bestFit="1" customWidth="1"/>
    <col min="8195" max="8195" width="19.7109375" style="5" customWidth="1"/>
    <col min="8196" max="8196" width="28.7109375" style="5" customWidth="1"/>
    <col min="8197" max="8197" width="33.42578125" style="5" customWidth="1"/>
    <col min="8198" max="8198" width="10.42578125" style="5" bestFit="1" customWidth="1"/>
    <col min="8199" max="8449" width="9.140625" style="5"/>
    <col min="8450" max="8450" width="4.7109375" style="5" bestFit="1" customWidth="1"/>
    <col min="8451" max="8451" width="19.7109375" style="5" customWidth="1"/>
    <col min="8452" max="8452" width="28.7109375" style="5" customWidth="1"/>
    <col min="8453" max="8453" width="33.42578125" style="5" customWidth="1"/>
    <col min="8454" max="8454" width="10.42578125" style="5" bestFit="1" customWidth="1"/>
    <col min="8455" max="8705" width="9.140625" style="5"/>
    <col min="8706" max="8706" width="4.7109375" style="5" bestFit="1" customWidth="1"/>
    <col min="8707" max="8707" width="19.7109375" style="5" customWidth="1"/>
    <col min="8708" max="8708" width="28.7109375" style="5" customWidth="1"/>
    <col min="8709" max="8709" width="33.42578125" style="5" customWidth="1"/>
    <col min="8710" max="8710" width="10.42578125" style="5" bestFit="1" customWidth="1"/>
    <col min="8711" max="8961" width="9.140625" style="5"/>
    <col min="8962" max="8962" width="4.7109375" style="5" bestFit="1" customWidth="1"/>
    <col min="8963" max="8963" width="19.7109375" style="5" customWidth="1"/>
    <col min="8964" max="8964" width="28.7109375" style="5" customWidth="1"/>
    <col min="8965" max="8965" width="33.42578125" style="5" customWidth="1"/>
    <col min="8966" max="8966" width="10.42578125" style="5" bestFit="1" customWidth="1"/>
    <col min="8967" max="9217" width="9.140625" style="5"/>
    <col min="9218" max="9218" width="4.7109375" style="5" bestFit="1" customWidth="1"/>
    <col min="9219" max="9219" width="19.7109375" style="5" customWidth="1"/>
    <col min="9220" max="9220" width="28.7109375" style="5" customWidth="1"/>
    <col min="9221" max="9221" width="33.42578125" style="5" customWidth="1"/>
    <col min="9222" max="9222" width="10.42578125" style="5" bestFit="1" customWidth="1"/>
    <col min="9223" max="9473" width="9.140625" style="5"/>
    <col min="9474" max="9474" width="4.7109375" style="5" bestFit="1" customWidth="1"/>
    <col min="9475" max="9475" width="19.7109375" style="5" customWidth="1"/>
    <col min="9476" max="9476" width="28.7109375" style="5" customWidth="1"/>
    <col min="9477" max="9477" width="33.42578125" style="5" customWidth="1"/>
    <col min="9478" max="9478" width="10.42578125" style="5" bestFit="1" customWidth="1"/>
    <col min="9479" max="9729" width="9.140625" style="5"/>
    <col min="9730" max="9730" width="4.7109375" style="5" bestFit="1" customWidth="1"/>
    <col min="9731" max="9731" width="19.7109375" style="5" customWidth="1"/>
    <col min="9732" max="9732" width="28.7109375" style="5" customWidth="1"/>
    <col min="9733" max="9733" width="33.42578125" style="5" customWidth="1"/>
    <col min="9734" max="9734" width="10.42578125" style="5" bestFit="1" customWidth="1"/>
    <col min="9735" max="9985" width="9.140625" style="5"/>
    <col min="9986" max="9986" width="4.7109375" style="5" bestFit="1" customWidth="1"/>
    <col min="9987" max="9987" width="19.7109375" style="5" customWidth="1"/>
    <col min="9988" max="9988" width="28.7109375" style="5" customWidth="1"/>
    <col min="9989" max="9989" width="33.42578125" style="5" customWidth="1"/>
    <col min="9990" max="9990" width="10.42578125" style="5" bestFit="1" customWidth="1"/>
    <col min="9991" max="10241" width="9.140625" style="5"/>
    <col min="10242" max="10242" width="4.7109375" style="5" bestFit="1" customWidth="1"/>
    <col min="10243" max="10243" width="19.7109375" style="5" customWidth="1"/>
    <col min="10244" max="10244" width="28.7109375" style="5" customWidth="1"/>
    <col min="10245" max="10245" width="33.42578125" style="5" customWidth="1"/>
    <col min="10246" max="10246" width="10.42578125" style="5" bestFit="1" customWidth="1"/>
    <col min="10247" max="10497" width="9.140625" style="5"/>
    <col min="10498" max="10498" width="4.7109375" style="5" bestFit="1" customWidth="1"/>
    <col min="10499" max="10499" width="19.7109375" style="5" customWidth="1"/>
    <col min="10500" max="10500" width="28.7109375" style="5" customWidth="1"/>
    <col min="10501" max="10501" width="33.42578125" style="5" customWidth="1"/>
    <col min="10502" max="10502" width="10.42578125" style="5" bestFit="1" customWidth="1"/>
    <col min="10503" max="10753" width="9.140625" style="5"/>
    <col min="10754" max="10754" width="4.7109375" style="5" bestFit="1" customWidth="1"/>
    <col min="10755" max="10755" width="19.7109375" style="5" customWidth="1"/>
    <col min="10756" max="10756" width="28.7109375" style="5" customWidth="1"/>
    <col min="10757" max="10757" width="33.42578125" style="5" customWidth="1"/>
    <col min="10758" max="10758" width="10.42578125" style="5" bestFit="1" customWidth="1"/>
    <col min="10759" max="11009" width="9.140625" style="5"/>
    <col min="11010" max="11010" width="4.7109375" style="5" bestFit="1" customWidth="1"/>
    <col min="11011" max="11011" width="19.7109375" style="5" customWidth="1"/>
    <col min="11012" max="11012" width="28.7109375" style="5" customWidth="1"/>
    <col min="11013" max="11013" width="33.42578125" style="5" customWidth="1"/>
    <col min="11014" max="11014" width="10.42578125" style="5" bestFit="1" customWidth="1"/>
    <col min="11015" max="11265" width="9.140625" style="5"/>
    <col min="11266" max="11266" width="4.7109375" style="5" bestFit="1" customWidth="1"/>
    <col min="11267" max="11267" width="19.7109375" style="5" customWidth="1"/>
    <col min="11268" max="11268" width="28.7109375" style="5" customWidth="1"/>
    <col min="11269" max="11269" width="33.42578125" style="5" customWidth="1"/>
    <col min="11270" max="11270" width="10.42578125" style="5" bestFit="1" customWidth="1"/>
    <col min="11271" max="11521" width="9.140625" style="5"/>
    <col min="11522" max="11522" width="4.7109375" style="5" bestFit="1" customWidth="1"/>
    <col min="11523" max="11523" width="19.7109375" style="5" customWidth="1"/>
    <col min="11524" max="11524" width="28.7109375" style="5" customWidth="1"/>
    <col min="11525" max="11525" width="33.42578125" style="5" customWidth="1"/>
    <col min="11526" max="11526" width="10.42578125" style="5" bestFit="1" customWidth="1"/>
    <col min="11527" max="11777" width="9.140625" style="5"/>
    <col min="11778" max="11778" width="4.7109375" style="5" bestFit="1" customWidth="1"/>
    <col min="11779" max="11779" width="19.7109375" style="5" customWidth="1"/>
    <col min="11780" max="11780" width="28.7109375" style="5" customWidth="1"/>
    <col min="11781" max="11781" width="33.42578125" style="5" customWidth="1"/>
    <col min="11782" max="11782" width="10.42578125" style="5" bestFit="1" customWidth="1"/>
    <col min="11783" max="12033" width="9.140625" style="5"/>
    <col min="12034" max="12034" width="4.7109375" style="5" bestFit="1" customWidth="1"/>
    <col min="12035" max="12035" width="19.7109375" style="5" customWidth="1"/>
    <col min="12036" max="12036" width="28.7109375" style="5" customWidth="1"/>
    <col min="12037" max="12037" width="33.42578125" style="5" customWidth="1"/>
    <col min="12038" max="12038" width="10.42578125" style="5" bestFit="1" customWidth="1"/>
    <col min="12039" max="12289" width="9.140625" style="5"/>
    <col min="12290" max="12290" width="4.7109375" style="5" bestFit="1" customWidth="1"/>
    <col min="12291" max="12291" width="19.7109375" style="5" customWidth="1"/>
    <col min="12292" max="12292" width="28.7109375" style="5" customWidth="1"/>
    <col min="12293" max="12293" width="33.42578125" style="5" customWidth="1"/>
    <col min="12294" max="12294" width="10.42578125" style="5" bestFit="1" customWidth="1"/>
    <col min="12295" max="12545" width="9.140625" style="5"/>
    <col min="12546" max="12546" width="4.7109375" style="5" bestFit="1" customWidth="1"/>
    <col min="12547" max="12547" width="19.7109375" style="5" customWidth="1"/>
    <col min="12548" max="12548" width="28.7109375" style="5" customWidth="1"/>
    <col min="12549" max="12549" width="33.42578125" style="5" customWidth="1"/>
    <col min="12550" max="12550" width="10.42578125" style="5" bestFit="1" customWidth="1"/>
    <col min="12551" max="12801" width="9.140625" style="5"/>
    <col min="12802" max="12802" width="4.7109375" style="5" bestFit="1" customWidth="1"/>
    <col min="12803" max="12803" width="19.7109375" style="5" customWidth="1"/>
    <col min="12804" max="12804" width="28.7109375" style="5" customWidth="1"/>
    <col min="12805" max="12805" width="33.42578125" style="5" customWidth="1"/>
    <col min="12806" max="12806" width="10.42578125" style="5" bestFit="1" customWidth="1"/>
    <col min="12807" max="13057" width="9.140625" style="5"/>
    <col min="13058" max="13058" width="4.7109375" style="5" bestFit="1" customWidth="1"/>
    <col min="13059" max="13059" width="19.7109375" style="5" customWidth="1"/>
    <col min="13060" max="13060" width="28.7109375" style="5" customWidth="1"/>
    <col min="13061" max="13061" width="33.42578125" style="5" customWidth="1"/>
    <col min="13062" max="13062" width="10.42578125" style="5" bestFit="1" customWidth="1"/>
    <col min="13063" max="13313" width="9.140625" style="5"/>
    <col min="13314" max="13314" width="4.7109375" style="5" bestFit="1" customWidth="1"/>
    <col min="13315" max="13315" width="19.7109375" style="5" customWidth="1"/>
    <col min="13316" max="13316" width="28.7109375" style="5" customWidth="1"/>
    <col min="13317" max="13317" width="33.42578125" style="5" customWidth="1"/>
    <col min="13318" max="13318" width="10.42578125" style="5" bestFit="1" customWidth="1"/>
    <col min="13319" max="13569" width="9.140625" style="5"/>
    <col min="13570" max="13570" width="4.7109375" style="5" bestFit="1" customWidth="1"/>
    <col min="13571" max="13571" width="19.7109375" style="5" customWidth="1"/>
    <col min="13572" max="13572" width="28.7109375" style="5" customWidth="1"/>
    <col min="13573" max="13573" width="33.42578125" style="5" customWidth="1"/>
    <col min="13574" max="13574" width="10.42578125" style="5" bestFit="1" customWidth="1"/>
    <col min="13575" max="13825" width="9.140625" style="5"/>
    <col min="13826" max="13826" width="4.7109375" style="5" bestFit="1" customWidth="1"/>
    <col min="13827" max="13827" width="19.7109375" style="5" customWidth="1"/>
    <col min="13828" max="13828" width="28.7109375" style="5" customWidth="1"/>
    <col min="13829" max="13829" width="33.42578125" style="5" customWidth="1"/>
    <col min="13830" max="13830" width="10.42578125" style="5" bestFit="1" customWidth="1"/>
    <col min="13831" max="14081" width="9.140625" style="5"/>
    <col min="14082" max="14082" width="4.7109375" style="5" bestFit="1" customWidth="1"/>
    <col min="14083" max="14083" width="19.7109375" style="5" customWidth="1"/>
    <col min="14084" max="14084" width="28.7109375" style="5" customWidth="1"/>
    <col min="14085" max="14085" width="33.42578125" style="5" customWidth="1"/>
    <col min="14086" max="14086" width="10.42578125" style="5" bestFit="1" customWidth="1"/>
    <col min="14087" max="14337" width="9.140625" style="5"/>
    <col min="14338" max="14338" width="4.7109375" style="5" bestFit="1" customWidth="1"/>
    <col min="14339" max="14339" width="19.7109375" style="5" customWidth="1"/>
    <col min="14340" max="14340" width="28.7109375" style="5" customWidth="1"/>
    <col min="14341" max="14341" width="33.42578125" style="5" customWidth="1"/>
    <col min="14342" max="14342" width="10.42578125" style="5" bestFit="1" customWidth="1"/>
    <col min="14343" max="14593" width="9.140625" style="5"/>
    <col min="14594" max="14594" width="4.7109375" style="5" bestFit="1" customWidth="1"/>
    <col min="14595" max="14595" width="19.7109375" style="5" customWidth="1"/>
    <col min="14596" max="14596" width="28.7109375" style="5" customWidth="1"/>
    <col min="14597" max="14597" width="33.42578125" style="5" customWidth="1"/>
    <col min="14598" max="14598" width="10.42578125" style="5" bestFit="1" customWidth="1"/>
    <col min="14599" max="14849" width="9.140625" style="5"/>
    <col min="14850" max="14850" width="4.7109375" style="5" bestFit="1" customWidth="1"/>
    <col min="14851" max="14851" width="19.7109375" style="5" customWidth="1"/>
    <col min="14852" max="14852" width="28.7109375" style="5" customWidth="1"/>
    <col min="14853" max="14853" width="33.42578125" style="5" customWidth="1"/>
    <col min="14854" max="14854" width="10.42578125" style="5" bestFit="1" customWidth="1"/>
    <col min="14855" max="15105" width="9.140625" style="5"/>
    <col min="15106" max="15106" width="4.7109375" style="5" bestFit="1" customWidth="1"/>
    <col min="15107" max="15107" width="19.7109375" style="5" customWidth="1"/>
    <col min="15108" max="15108" width="28.7109375" style="5" customWidth="1"/>
    <col min="15109" max="15109" width="33.42578125" style="5" customWidth="1"/>
    <col min="15110" max="15110" width="10.42578125" style="5" bestFit="1" customWidth="1"/>
    <col min="15111" max="15361" width="9.140625" style="5"/>
    <col min="15362" max="15362" width="4.7109375" style="5" bestFit="1" customWidth="1"/>
    <col min="15363" max="15363" width="19.7109375" style="5" customWidth="1"/>
    <col min="15364" max="15364" width="28.7109375" style="5" customWidth="1"/>
    <col min="15365" max="15365" width="33.42578125" style="5" customWidth="1"/>
    <col min="15366" max="15366" width="10.42578125" style="5" bestFit="1" customWidth="1"/>
    <col min="15367" max="15617" width="9.140625" style="5"/>
    <col min="15618" max="15618" width="4.7109375" style="5" bestFit="1" customWidth="1"/>
    <col min="15619" max="15619" width="19.7109375" style="5" customWidth="1"/>
    <col min="15620" max="15620" width="28.7109375" style="5" customWidth="1"/>
    <col min="15621" max="15621" width="33.42578125" style="5" customWidth="1"/>
    <col min="15622" max="15622" width="10.42578125" style="5" bestFit="1" customWidth="1"/>
    <col min="15623" max="15873" width="9.140625" style="5"/>
    <col min="15874" max="15874" width="4.7109375" style="5" bestFit="1" customWidth="1"/>
    <col min="15875" max="15875" width="19.7109375" style="5" customWidth="1"/>
    <col min="15876" max="15876" width="28.7109375" style="5" customWidth="1"/>
    <col min="15877" max="15877" width="33.42578125" style="5" customWidth="1"/>
    <col min="15878" max="15878" width="10.42578125" style="5" bestFit="1" customWidth="1"/>
    <col min="15879" max="16129" width="9.140625" style="5"/>
    <col min="16130" max="16130" width="4.7109375" style="5" bestFit="1" customWidth="1"/>
    <col min="16131" max="16131" width="19.7109375" style="5" customWidth="1"/>
    <col min="16132" max="16132" width="28.7109375" style="5" customWidth="1"/>
    <col min="16133" max="16133" width="33.42578125" style="5" customWidth="1"/>
    <col min="16134" max="16134" width="10.42578125" style="5" bestFit="1" customWidth="1"/>
    <col min="16135" max="16384" width="9.140625" style="5"/>
  </cols>
  <sheetData>
    <row r="1" spans="2:11" ht="20.100000000000001" customHeight="1">
      <c r="B1" s="245" t="s">
        <v>5</v>
      </c>
      <c r="C1" s="245"/>
    </row>
    <row r="2" spans="2:11" s="11" customFormat="1" ht="30" customHeight="1">
      <c r="B2" s="246" t="str">
        <f>'Príloha č.1'!B2:E2</f>
        <v>Drenážne katétre</v>
      </c>
      <c r="C2" s="247"/>
      <c r="D2" s="247"/>
      <c r="E2" s="248"/>
    </row>
    <row r="3" spans="2:11" s="19" customFormat="1" ht="15" customHeight="1">
      <c r="B3" s="249"/>
      <c r="C3" s="249"/>
      <c r="D3" s="249"/>
      <c r="E3" s="17"/>
    </row>
    <row r="4" spans="2:11" s="21" customFormat="1" ht="54.95" customHeight="1">
      <c r="B4" s="250" t="s">
        <v>57</v>
      </c>
      <c r="C4" s="250"/>
      <c r="D4" s="250"/>
      <c r="E4" s="250"/>
      <c r="F4" s="20"/>
      <c r="G4" s="20"/>
      <c r="H4" s="20"/>
      <c r="I4" s="20"/>
      <c r="J4" s="20"/>
      <c r="K4" s="20"/>
    </row>
    <row r="6" spans="2:11" s="11" customFormat="1" ht="15" customHeight="1">
      <c r="B6" s="251" t="s">
        <v>49</v>
      </c>
      <c r="C6" s="251"/>
      <c r="D6" s="253" t="str">
        <f>IF('Príloha č.1'!$D$6="","",'Príloha č.1'!$D$6)</f>
        <v/>
      </c>
      <c r="E6" s="254"/>
    </row>
    <row r="7" spans="2:11" s="11" customFormat="1" ht="15" customHeight="1">
      <c r="B7" s="251" t="s">
        <v>50</v>
      </c>
      <c r="C7" s="251"/>
      <c r="D7" s="252" t="str">
        <f>IF('Príloha č.1'!$D$7="","",'Príloha č.1'!$D$7)</f>
        <v/>
      </c>
      <c r="E7" s="251"/>
    </row>
    <row r="8" spans="2:11" ht="15" customHeight="1">
      <c r="B8" s="245" t="s">
        <v>7</v>
      </c>
      <c r="C8" s="245"/>
      <c r="D8" s="252" t="str">
        <f>IF('Príloha č.1'!$D$8="","",'Príloha č.1'!$D$8)</f>
        <v/>
      </c>
      <c r="E8" s="251"/>
    </row>
    <row r="9" spans="2:11" ht="15" customHeight="1">
      <c r="B9" s="245" t="s">
        <v>8</v>
      </c>
      <c r="C9" s="245"/>
      <c r="D9" s="252" t="str">
        <f>IF('Príloha č.1'!$D$9="","",'Príloha č.1'!$D$9)</f>
        <v/>
      </c>
      <c r="E9" s="251"/>
    </row>
    <row r="10" spans="2:11" ht="20.100000000000001" customHeight="1">
      <c r="D10" s="12"/>
    </row>
    <row r="11" spans="2:11" s="6" customFormat="1" ht="20.100000000000001" customHeight="1">
      <c r="B11" s="238" t="s">
        <v>16</v>
      </c>
      <c r="C11" s="238"/>
      <c r="D11" s="238"/>
      <c r="E11" s="238"/>
    </row>
    <row r="12" spans="2:11" ht="26.25" customHeight="1">
      <c r="B12" s="11" t="s">
        <v>17</v>
      </c>
      <c r="C12" s="251" t="s">
        <v>72</v>
      </c>
      <c r="D12" s="251"/>
      <c r="E12" s="251"/>
    </row>
    <row r="13" spans="2:11" ht="28.5" customHeight="1">
      <c r="B13" s="11" t="s">
        <v>17</v>
      </c>
      <c r="C13" s="251" t="s">
        <v>71</v>
      </c>
      <c r="D13" s="251"/>
      <c r="E13" s="251"/>
    </row>
    <row r="14" spans="2:11" ht="28.5" customHeight="1">
      <c r="B14" s="11" t="s">
        <v>17</v>
      </c>
      <c r="C14" s="251" t="s">
        <v>18</v>
      </c>
      <c r="D14" s="251"/>
      <c r="E14" s="251"/>
    </row>
    <row r="15" spans="2:11" ht="49.5" customHeight="1">
      <c r="B15" s="11" t="s">
        <v>17</v>
      </c>
      <c r="C15" s="251" t="s">
        <v>73</v>
      </c>
      <c r="D15" s="251"/>
      <c r="E15" s="251"/>
    </row>
    <row r="16" spans="2:11" ht="18" customHeight="1">
      <c r="B16" s="11" t="s">
        <v>17</v>
      </c>
      <c r="C16" s="251" t="s">
        <v>19</v>
      </c>
      <c r="D16" s="251"/>
      <c r="E16" s="251"/>
    </row>
    <row r="17" spans="2:6" ht="20.100000000000001" customHeight="1"/>
    <row r="18" spans="2:6" s="6" customFormat="1">
      <c r="B18" s="6" t="s">
        <v>12</v>
      </c>
      <c r="C18" s="76" t="str">
        <f>IF('Príloha č.1'!C19:C19="","",'Príloha č.1'!C19:C19)</f>
        <v/>
      </c>
    </row>
    <row r="19" spans="2:6" s="6" customFormat="1">
      <c r="B19" s="6" t="s">
        <v>20</v>
      </c>
      <c r="C19" s="81" t="str">
        <f>IF('Príloha č.1'!C20:C20="","",'Príloha č.1'!C20:C20)</f>
        <v/>
      </c>
    </row>
    <row r="20" spans="2:6" ht="13.5" customHeight="1">
      <c r="D20" s="114" t="s">
        <v>51</v>
      </c>
      <c r="E20" s="7"/>
    </row>
    <row r="21" spans="2:6" ht="15" customHeight="1">
      <c r="D21" s="14" t="s">
        <v>22</v>
      </c>
      <c r="E21" s="13" t="str">
        <f>IF('Príloha č.1'!E23="","",'Príloha č.1'!E23)</f>
        <v/>
      </c>
    </row>
    <row r="22" spans="2:6">
      <c r="D22" s="1"/>
      <c r="E22" s="9"/>
    </row>
    <row r="23" spans="2:6" s="1" customFormat="1">
      <c r="B23" s="236" t="s">
        <v>14</v>
      </c>
      <c r="C23" s="236"/>
    </row>
    <row r="24" spans="2:6" s="1" customFormat="1" ht="12" customHeight="1">
      <c r="B24" s="8"/>
      <c r="C24" s="245" t="s">
        <v>15</v>
      </c>
      <c r="D24" s="245"/>
      <c r="E24" s="9"/>
      <c r="F24" s="10"/>
    </row>
  </sheetData>
  <mergeCells count="20">
    <mergeCell ref="B1:C1"/>
    <mergeCell ref="B2:E2"/>
    <mergeCell ref="B3:D3"/>
    <mergeCell ref="B4:E4"/>
    <mergeCell ref="B6:C6"/>
    <mergeCell ref="D6:E6"/>
    <mergeCell ref="C24:D24"/>
    <mergeCell ref="B7:C7"/>
    <mergeCell ref="D7:E7"/>
    <mergeCell ref="B8:C8"/>
    <mergeCell ref="B9:C9"/>
    <mergeCell ref="B11:E11"/>
    <mergeCell ref="C12:E12"/>
    <mergeCell ref="C13:E13"/>
    <mergeCell ref="C14:E14"/>
    <mergeCell ref="C15:E15"/>
    <mergeCell ref="C16:E16"/>
    <mergeCell ref="B23:C23"/>
    <mergeCell ref="D8:E8"/>
    <mergeCell ref="D9:E9"/>
  </mergeCells>
  <conditionalFormatting sqref="B24">
    <cfRule type="containsBlanks" dxfId="30" priority="13">
      <formula>LEN(TRIM(B24))=0</formula>
    </cfRule>
  </conditionalFormatting>
  <conditionalFormatting sqref="C18:C19">
    <cfRule type="containsBlanks" dxfId="29" priority="14">
      <formula>LEN(TRIM(C18))=0</formula>
    </cfRule>
  </conditionalFormatting>
  <conditionalFormatting sqref="D6:E9">
    <cfRule type="containsBlanks" dxfId="28" priority="15">
      <formula>LEN(TRIM(D6))=0</formula>
    </cfRule>
  </conditionalFormatting>
  <conditionalFormatting sqref="E21">
    <cfRule type="containsBlanks" dxfId="27" priority="1">
      <formula>LEN(TRIM(E21))=0</formula>
    </cfRule>
  </conditionalFormatting>
  <pageMargins left="0.78740157480314965" right="0.78740157480314965" top="0.98425196850393704" bottom="0.78740157480314965" header="0.31496062992125984" footer="0.31496062992125984"/>
  <pageSetup paperSize="9" scale="93" orientation="portrait" r:id="rId1"/>
  <headerFooter>
    <oddHeader>&amp;L&amp;"Arial,Tučné"&amp;9Príloha č. 2 Výzvy na predkladanie ponúk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26"/>
  <sheetViews>
    <sheetView showGridLines="0" zoomScaleNormal="100" workbookViewId="0">
      <selection activeCell="B2" sqref="B2:E2"/>
    </sheetView>
  </sheetViews>
  <sheetFormatPr defaultColWidth="9.140625" defaultRowHeight="14.25"/>
  <cols>
    <col min="1" max="1" width="2.7109375" style="19" customWidth="1"/>
    <col min="2" max="2" width="5.28515625" style="19" customWidth="1"/>
    <col min="3" max="3" width="23.85546875" style="19" customWidth="1"/>
    <col min="4" max="4" width="28.7109375" style="19" customWidth="1"/>
    <col min="5" max="5" width="33" style="19" customWidth="1"/>
    <col min="6" max="6" width="10.42578125" style="19" bestFit="1" customWidth="1"/>
    <col min="7" max="16384" width="9.140625" style="19"/>
  </cols>
  <sheetData>
    <row r="1" spans="2:11" s="5" customFormat="1" ht="20.100000000000001" customHeight="1">
      <c r="B1" s="245" t="s">
        <v>5</v>
      </c>
      <c r="C1" s="245"/>
    </row>
    <row r="2" spans="2:11" s="11" customFormat="1" ht="30" customHeight="1">
      <c r="B2" s="246" t="str">
        <f>'Príloha č.1'!B2:E2</f>
        <v>Drenážne katétre</v>
      </c>
      <c r="C2" s="247"/>
      <c r="D2" s="247"/>
      <c r="E2" s="248"/>
    </row>
    <row r="3" spans="2:11" ht="15" customHeight="1">
      <c r="B3" s="249"/>
      <c r="C3" s="249"/>
      <c r="D3" s="249"/>
      <c r="E3" s="17"/>
    </row>
    <row r="4" spans="2:11" s="21" customFormat="1" ht="54.95" customHeight="1">
      <c r="B4" s="250" t="s">
        <v>31</v>
      </c>
      <c r="C4" s="250"/>
      <c r="D4" s="250"/>
      <c r="E4" s="250"/>
      <c r="F4" s="20"/>
      <c r="G4" s="20"/>
      <c r="H4" s="20"/>
      <c r="I4" s="20"/>
      <c r="J4" s="20"/>
      <c r="K4" s="20"/>
    </row>
    <row r="5" spans="2:11" s="18" customFormat="1" ht="15" customHeight="1">
      <c r="B5" s="17"/>
      <c r="C5" s="17"/>
      <c r="D5" s="17"/>
      <c r="E5" s="17"/>
    </row>
    <row r="6" spans="2:11" s="18" customFormat="1" ht="15" customHeight="1">
      <c r="B6" s="255" t="s">
        <v>49</v>
      </c>
      <c r="C6" s="255"/>
      <c r="D6" s="256" t="str">
        <f>IF('Príloha č.1'!$D$6="","",'Príloha č.1'!$D$6)</f>
        <v/>
      </c>
      <c r="E6" s="257"/>
    </row>
    <row r="7" spans="2:11" s="18" customFormat="1" ht="15" customHeight="1">
      <c r="B7" s="255" t="s">
        <v>50</v>
      </c>
      <c r="C7" s="255"/>
      <c r="D7" s="261" t="str">
        <f>IF('Príloha č.1'!$D$7="","",'Príloha č.1'!$D$7)</f>
        <v/>
      </c>
      <c r="E7" s="262"/>
    </row>
    <row r="8" spans="2:11" s="18" customFormat="1" ht="15" customHeight="1">
      <c r="B8" s="255" t="s">
        <v>7</v>
      </c>
      <c r="C8" s="255"/>
      <c r="D8" s="261" t="str">
        <f>IF('Príloha č.1'!$D$8="","",'Príloha č.1'!$D$8)</f>
        <v/>
      </c>
      <c r="E8" s="262"/>
    </row>
    <row r="9" spans="2:11" s="18" customFormat="1" ht="15" customHeight="1">
      <c r="B9" s="255" t="s">
        <v>8</v>
      </c>
      <c r="C9" s="255"/>
      <c r="D9" s="261" t="str">
        <f>IF('Príloha č.1'!$D$9="","",'Príloha č.1'!$D$9)</f>
        <v/>
      </c>
      <c r="E9" s="262"/>
    </row>
    <row r="10" spans="2:11" s="18" customFormat="1" ht="29.25" customHeight="1">
      <c r="B10" s="17"/>
      <c r="C10" s="17"/>
      <c r="D10" s="22"/>
      <c r="E10" s="17"/>
    </row>
    <row r="11" spans="2:11" s="23" customFormat="1" ht="30" customHeight="1">
      <c r="B11" s="258" t="s">
        <v>79</v>
      </c>
      <c r="C11" s="258"/>
      <c r="D11" s="258"/>
      <c r="E11" s="258"/>
    </row>
    <row r="12" spans="2:11">
      <c r="B12" s="17"/>
      <c r="C12" s="17"/>
      <c r="D12" s="17"/>
      <c r="E12" s="17"/>
    </row>
    <row r="13" spans="2:11">
      <c r="B13" s="17"/>
      <c r="C13" s="17"/>
      <c r="D13" s="17"/>
      <c r="E13" s="17"/>
    </row>
    <row r="14" spans="2:11" s="18" customFormat="1" ht="15" customHeight="1">
      <c r="B14" s="17"/>
      <c r="C14" s="17"/>
      <c r="D14" s="17"/>
      <c r="E14" s="17"/>
    </row>
    <row r="15" spans="2:11" s="18" customFormat="1" ht="15" customHeight="1">
      <c r="B15" s="24" t="s">
        <v>12</v>
      </c>
      <c r="C15" s="82" t="str">
        <f>IF('Príloha č.1'!C19:C19="","",'Príloha č.1'!C19:C19)</f>
        <v/>
      </c>
      <c r="D15" s="17"/>
      <c r="E15" s="17"/>
    </row>
    <row r="16" spans="2:11" s="28" customFormat="1" ht="15" customHeight="1">
      <c r="B16" s="24" t="s">
        <v>13</v>
      </c>
      <c r="C16" s="83" t="str">
        <f>IF('Príloha č.1'!C20:C20="","",'Príloha č.1'!C20:C20)</f>
        <v/>
      </c>
      <c r="D16" s="26"/>
      <c r="E16" s="27"/>
    </row>
    <row r="17" spans="2:6" s="18" customFormat="1" ht="15" customHeight="1">
      <c r="B17" s="17"/>
      <c r="C17" s="17"/>
      <c r="D17" s="17"/>
      <c r="E17" s="17"/>
    </row>
    <row r="18" spans="2:6" s="18" customFormat="1" ht="15" customHeight="1">
      <c r="B18" s="17"/>
      <c r="C18" s="17"/>
      <c r="D18" s="17"/>
      <c r="E18" s="17"/>
    </row>
    <row r="19" spans="2:6" s="18" customFormat="1" ht="15" customHeight="1">
      <c r="B19" s="17"/>
      <c r="C19" s="17"/>
      <c r="D19" s="17"/>
      <c r="E19" s="17"/>
    </row>
    <row r="20" spans="2:6" ht="39.950000000000003" customHeight="1">
      <c r="B20" s="17"/>
      <c r="C20" s="17"/>
      <c r="D20" s="114" t="s">
        <v>51</v>
      </c>
      <c r="E20" s="29"/>
    </row>
    <row r="21" spans="2:6" ht="15" customHeight="1">
      <c r="B21" s="17"/>
      <c r="C21" s="17"/>
      <c r="D21" s="30" t="s">
        <v>22</v>
      </c>
      <c r="E21" s="25" t="str">
        <f>IF('Príloha č.1'!E23="","",'Príloha č.1'!E23)</f>
        <v/>
      </c>
    </row>
    <row r="22" spans="2:6">
      <c r="B22" s="17"/>
      <c r="C22" s="17"/>
      <c r="D22" s="31"/>
      <c r="E22" s="32"/>
    </row>
    <row r="23" spans="2:6">
      <c r="B23" s="17"/>
      <c r="C23" s="17"/>
      <c r="D23" s="17"/>
      <c r="E23" s="17"/>
    </row>
    <row r="24" spans="2:6" s="33" customFormat="1" ht="12">
      <c r="B24" s="259" t="s">
        <v>14</v>
      </c>
      <c r="C24" s="259"/>
      <c r="D24" s="31"/>
      <c r="E24" s="31"/>
    </row>
    <row r="25" spans="2:6" s="33" customFormat="1" ht="12" customHeight="1">
      <c r="B25" s="34"/>
      <c r="C25" s="260" t="s">
        <v>15</v>
      </c>
      <c r="D25" s="260"/>
      <c r="E25" s="32"/>
      <c r="F25" s="35"/>
    </row>
    <row r="26" spans="2:6">
      <c r="B26" s="17"/>
      <c r="C26" s="17"/>
      <c r="D26" s="17"/>
      <c r="E26" s="17"/>
    </row>
  </sheetData>
  <mergeCells count="15">
    <mergeCell ref="B11:E11"/>
    <mergeCell ref="B24:C24"/>
    <mergeCell ref="C25:D25"/>
    <mergeCell ref="B7:C7"/>
    <mergeCell ref="D7:E7"/>
    <mergeCell ref="B8:C8"/>
    <mergeCell ref="D8:E8"/>
    <mergeCell ref="B9:C9"/>
    <mergeCell ref="D9:E9"/>
    <mergeCell ref="B1:C1"/>
    <mergeCell ref="B2:E2"/>
    <mergeCell ref="B3:D3"/>
    <mergeCell ref="B4:E4"/>
    <mergeCell ref="B6:C6"/>
    <mergeCell ref="D6:E6"/>
  </mergeCells>
  <conditionalFormatting sqref="C15:C16">
    <cfRule type="containsBlanks" dxfId="26" priority="2">
      <formula>LEN(TRIM(C15))=0</formula>
    </cfRule>
  </conditionalFormatting>
  <conditionalFormatting sqref="D6:E9">
    <cfRule type="containsBlanks" dxfId="25" priority="3">
      <formula>LEN(TRIM(D6))=0</formula>
    </cfRule>
  </conditionalFormatting>
  <conditionalFormatting sqref="E21">
    <cfRule type="containsBlanks" dxfId="24" priority="1">
      <formula>LEN(TRIM(E21))=0</formula>
    </cfRule>
  </conditionalFormatting>
  <pageMargins left="0.78740157480314965" right="0.78740157480314965" top="0.98425196850393704" bottom="0.78740157480314965" header="0.31496062992125984" footer="0.31496062992125984"/>
  <pageSetup paperSize="9" scale="93" orientation="portrait" r:id="rId1"/>
  <headerFooter>
    <oddHeader>&amp;L&amp;"Arial,Tučné"&amp;9Príloha č. 3 Výzvy na predkladanie ponúk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23"/>
  <sheetViews>
    <sheetView showGridLines="0" zoomScaleNormal="100" workbookViewId="0">
      <selection activeCell="B2" sqref="B2:E2"/>
    </sheetView>
  </sheetViews>
  <sheetFormatPr defaultRowHeight="12"/>
  <cols>
    <col min="1" max="1" width="2.7109375" style="5" customWidth="1"/>
    <col min="2" max="2" width="4.7109375" style="5" bestFit="1" customWidth="1"/>
    <col min="3" max="3" width="24" style="5" customWidth="1"/>
    <col min="4" max="4" width="28.7109375" style="5" customWidth="1"/>
    <col min="5" max="5" width="33.42578125" style="5" customWidth="1"/>
    <col min="6" max="6" width="10.42578125" style="5" bestFit="1" customWidth="1"/>
    <col min="7" max="257" width="9.140625" style="5"/>
    <col min="258" max="258" width="4.7109375" style="5" bestFit="1" customWidth="1"/>
    <col min="259" max="259" width="19.7109375" style="5" customWidth="1"/>
    <col min="260" max="260" width="28.7109375" style="5" customWidth="1"/>
    <col min="261" max="261" width="33.42578125" style="5" customWidth="1"/>
    <col min="262" max="262" width="10.42578125" style="5" bestFit="1" customWidth="1"/>
    <col min="263" max="513" width="9.140625" style="5"/>
    <col min="514" max="514" width="4.7109375" style="5" bestFit="1" customWidth="1"/>
    <col min="515" max="515" width="19.7109375" style="5" customWidth="1"/>
    <col min="516" max="516" width="28.7109375" style="5" customWidth="1"/>
    <col min="517" max="517" width="33.42578125" style="5" customWidth="1"/>
    <col min="518" max="518" width="10.42578125" style="5" bestFit="1" customWidth="1"/>
    <col min="519" max="769" width="9.140625" style="5"/>
    <col min="770" max="770" width="4.7109375" style="5" bestFit="1" customWidth="1"/>
    <col min="771" max="771" width="19.7109375" style="5" customWidth="1"/>
    <col min="772" max="772" width="28.7109375" style="5" customWidth="1"/>
    <col min="773" max="773" width="33.42578125" style="5" customWidth="1"/>
    <col min="774" max="774" width="10.42578125" style="5" bestFit="1" customWidth="1"/>
    <col min="775" max="1025" width="9.140625" style="5"/>
    <col min="1026" max="1026" width="4.7109375" style="5" bestFit="1" customWidth="1"/>
    <col min="1027" max="1027" width="19.7109375" style="5" customWidth="1"/>
    <col min="1028" max="1028" width="28.7109375" style="5" customWidth="1"/>
    <col min="1029" max="1029" width="33.42578125" style="5" customWidth="1"/>
    <col min="1030" max="1030" width="10.42578125" style="5" bestFit="1" customWidth="1"/>
    <col min="1031" max="1281" width="9.140625" style="5"/>
    <col min="1282" max="1282" width="4.7109375" style="5" bestFit="1" customWidth="1"/>
    <col min="1283" max="1283" width="19.7109375" style="5" customWidth="1"/>
    <col min="1284" max="1284" width="28.7109375" style="5" customWidth="1"/>
    <col min="1285" max="1285" width="33.42578125" style="5" customWidth="1"/>
    <col min="1286" max="1286" width="10.42578125" style="5" bestFit="1" customWidth="1"/>
    <col min="1287" max="1537" width="9.140625" style="5"/>
    <col min="1538" max="1538" width="4.7109375" style="5" bestFit="1" customWidth="1"/>
    <col min="1539" max="1539" width="19.7109375" style="5" customWidth="1"/>
    <col min="1540" max="1540" width="28.7109375" style="5" customWidth="1"/>
    <col min="1541" max="1541" width="33.42578125" style="5" customWidth="1"/>
    <col min="1542" max="1542" width="10.42578125" style="5" bestFit="1" customWidth="1"/>
    <col min="1543" max="1793" width="9.140625" style="5"/>
    <col min="1794" max="1794" width="4.7109375" style="5" bestFit="1" customWidth="1"/>
    <col min="1795" max="1795" width="19.7109375" style="5" customWidth="1"/>
    <col min="1796" max="1796" width="28.7109375" style="5" customWidth="1"/>
    <col min="1797" max="1797" width="33.42578125" style="5" customWidth="1"/>
    <col min="1798" max="1798" width="10.42578125" style="5" bestFit="1" customWidth="1"/>
    <col min="1799" max="2049" width="9.140625" style="5"/>
    <col min="2050" max="2050" width="4.7109375" style="5" bestFit="1" customWidth="1"/>
    <col min="2051" max="2051" width="19.7109375" style="5" customWidth="1"/>
    <col min="2052" max="2052" width="28.7109375" style="5" customWidth="1"/>
    <col min="2053" max="2053" width="33.42578125" style="5" customWidth="1"/>
    <col min="2054" max="2054" width="10.42578125" style="5" bestFit="1" customWidth="1"/>
    <col min="2055" max="2305" width="9.140625" style="5"/>
    <col min="2306" max="2306" width="4.7109375" style="5" bestFit="1" customWidth="1"/>
    <col min="2307" max="2307" width="19.7109375" style="5" customWidth="1"/>
    <col min="2308" max="2308" width="28.7109375" style="5" customWidth="1"/>
    <col min="2309" max="2309" width="33.42578125" style="5" customWidth="1"/>
    <col min="2310" max="2310" width="10.42578125" style="5" bestFit="1" customWidth="1"/>
    <col min="2311" max="2561" width="9.140625" style="5"/>
    <col min="2562" max="2562" width="4.7109375" style="5" bestFit="1" customWidth="1"/>
    <col min="2563" max="2563" width="19.7109375" style="5" customWidth="1"/>
    <col min="2564" max="2564" width="28.7109375" style="5" customWidth="1"/>
    <col min="2565" max="2565" width="33.42578125" style="5" customWidth="1"/>
    <col min="2566" max="2566" width="10.42578125" style="5" bestFit="1" customWidth="1"/>
    <col min="2567" max="2817" width="9.140625" style="5"/>
    <col min="2818" max="2818" width="4.7109375" style="5" bestFit="1" customWidth="1"/>
    <col min="2819" max="2819" width="19.7109375" style="5" customWidth="1"/>
    <col min="2820" max="2820" width="28.7109375" style="5" customWidth="1"/>
    <col min="2821" max="2821" width="33.42578125" style="5" customWidth="1"/>
    <col min="2822" max="2822" width="10.42578125" style="5" bestFit="1" customWidth="1"/>
    <col min="2823" max="3073" width="9.140625" style="5"/>
    <col min="3074" max="3074" width="4.7109375" style="5" bestFit="1" customWidth="1"/>
    <col min="3075" max="3075" width="19.7109375" style="5" customWidth="1"/>
    <col min="3076" max="3076" width="28.7109375" style="5" customWidth="1"/>
    <col min="3077" max="3077" width="33.42578125" style="5" customWidth="1"/>
    <col min="3078" max="3078" width="10.42578125" style="5" bestFit="1" customWidth="1"/>
    <col min="3079" max="3329" width="9.140625" style="5"/>
    <col min="3330" max="3330" width="4.7109375" style="5" bestFit="1" customWidth="1"/>
    <col min="3331" max="3331" width="19.7109375" style="5" customWidth="1"/>
    <col min="3332" max="3332" width="28.7109375" style="5" customWidth="1"/>
    <col min="3333" max="3333" width="33.42578125" style="5" customWidth="1"/>
    <col min="3334" max="3334" width="10.42578125" style="5" bestFit="1" customWidth="1"/>
    <col min="3335" max="3585" width="9.140625" style="5"/>
    <col min="3586" max="3586" width="4.7109375" style="5" bestFit="1" customWidth="1"/>
    <col min="3587" max="3587" width="19.7109375" style="5" customWidth="1"/>
    <col min="3588" max="3588" width="28.7109375" style="5" customWidth="1"/>
    <col min="3589" max="3589" width="33.42578125" style="5" customWidth="1"/>
    <col min="3590" max="3590" width="10.42578125" style="5" bestFit="1" customWidth="1"/>
    <col min="3591" max="3841" width="9.140625" style="5"/>
    <col min="3842" max="3842" width="4.7109375" style="5" bestFit="1" customWidth="1"/>
    <col min="3843" max="3843" width="19.7109375" style="5" customWidth="1"/>
    <col min="3844" max="3844" width="28.7109375" style="5" customWidth="1"/>
    <col min="3845" max="3845" width="33.42578125" style="5" customWidth="1"/>
    <col min="3846" max="3846" width="10.42578125" style="5" bestFit="1" customWidth="1"/>
    <col min="3847" max="4097" width="9.140625" style="5"/>
    <col min="4098" max="4098" width="4.7109375" style="5" bestFit="1" customWidth="1"/>
    <col min="4099" max="4099" width="19.7109375" style="5" customWidth="1"/>
    <col min="4100" max="4100" width="28.7109375" style="5" customWidth="1"/>
    <col min="4101" max="4101" width="33.42578125" style="5" customWidth="1"/>
    <col min="4102" max="4102" width="10.42578125" style="5" bestFit="1" customWidth="1"/>
    <col min="4103" max="4353" width="9.140625" style="5"/>
    <col min="4354" max="4354" width="4.7109375" style="5" bestFit="1" customWidth="1"/>
    <col min="4355" max="4355" width="19.7109375" style="5" customWidth="1"/>
    <col min="4356" max="4356" width="28.7109375" style="5" customWidth="1"/>
    <col min="4357" max="4357" width="33.42578125" style="5" customWidth="1"/>
    <col min="4358" max="4358" width="10.42578125" style="5" bestFit="1" customWidth="1"/>
    <col min="4359" max="4609" width="9.140625" style="5"/>
    <col min="4610" max="4610" width="4.7109375" style="5" bestFit="1" customWidth="1"/>
    <col min="4611" max="4611" width="19.7109375" style="5" customWidth="1"/>
    <col min="4612" max="4612" width="28.7109375" style="5" customWidth="1"/>
    <col min="4613" max="4613" width="33.42578125" style="5" customWidth="1"/>
    <col min="4614" max="4614" width="10.42578125" style="5" bestFit="1" customWidth="1"/>
    <col min="4615" max="4865" width="9.140625" style="5"/>
    <col min="4866" max="4866" width="4.7109375" style="5" bestFit="1" customWidth="1"/>
    <col min="4867" max="4867" width="19.7109375" style="5" customWidth="1"/>
    <col min="4868" max="4868" width="28.7109375" style="5" customWidth="1"/>
    <col min="4869" max="4869" width="33.42578125" style="5" customWidth="1"/>
    <col min="4870" max="4870" width="10.42578125" style="5" bestFit="1" customWidth="1"/>
    <col min="4871" max="5121" width="9.140625" style="5"/>
    <col min="5122" max="5122" width="4.7109375" style="5" bestFit="1" customWidth="1"/>
    <col min="5123" max="5123" width="19.7109375" style="5" customWidth="1"/>
    <col min="5124" max="5124" width="28.7109375" style="5" customWidth="1"/>
    <col min="5125" max="5125" width="33.42578125" style="5" customWidth="1"/>
    <col min="5126" max="5126" width="10.42578125" style="5" bestFit="1" customWidth="1"/>
    <col min="5127" max="5377" width="9.140625" style="5"/>
    <col min="5378" max="5378" width="4.7109375" style="5" bestFit="1" customWidth="1"/>
    <col min="5379" max="5379" width="19.7109375" style="5" customWidth="1"/>
    <col min="5380" max="5380" width="28.7109375" style="5" customWidth="1"/>
    <col min="5381" max="5381" width="33.42578125" style="5" customWidth="1"/>
    <col min="5382" max="5382" width="10.42578125" style="5" bestFit="1" customWidth="1"/>
    <col min="5383" max="5633" width="9.140625" style="5"/>
    <col min="5634" max="5634" width="4.7109375" style="5" bestFit="1" customWidth="1"/>
    <col min="5635" max="5635" width="19.7109375" style="5" customWidth="1"/>
    <col min="5636" max="5636" width="28.7109375" style="5" customWidth="1"/>
    <col min="5637" max="5637" width="33.42578125" style="5" customWidth="1"/>
    <col min="5638" max="5638" width="10.42578125" style="5" bestFit="1" customWidth="1"/>
    <col min="5639" max="5889" width="9.140625" style="5"/>
    <col min="5890" max="5890" width="4.7109375" style="5" bestFit="1" customWidth="1"/>
    <col min="5891" max="5891" width="19.7109375" style="5" customWidth="1"/>
    <col min="5892" max="5892" width="28.7109375" style="5" customWidth="1"/>
    <col min="5893" max="5893" width="33.42578125" style="5" customWidth="1"/>
    <col min="5894" max="5894" width="10.42578125" style="5" bestFit="1" customWidth="1"/>
    <col min="5895" max="6145" width="9.140625" style="5"/>
    <col min="6146" max="6146" width="4.7109375" style="5" bestFit="1" customWidth="1"/>
    <col min="6147" max="6147" width="19.7109375" style="5" customWidth="1"/>
    <col min="6148" max="6148" width="28.7109375" style="5" customWidth="1"/>
    <col min="6149" max="6149" width="33.42578125" style="5" customWidth="1"/>
    <col min="6150" max="6150" width="10.42578125" style="5" bestFit="1" customWidth="1"/>
    <col min="6151" max="6401" width="9.140625" style="5"/>
    <col min="6402" max="6402" width="4.7109375" style="5" bestFit="1" customWidth="1"/>
    <col min="6403" max="6403" width="19.7109375" style="5" customWidth="1"/>
    <col min="6404" max="6404" width="28.7109375" style="5" customWidth="1"/>
    <col min="6405" max="6405" width="33.42578125" style="5" customWidth="1"/>
    <col min="6406" max="6406" width="10.42578125" style="5" bestFit="1" customWidth="1"/>
    <col min="6407" max="6657" width="9.140625" style="5"/>
    <col min="6658" max="6658" width="4.7109375" style="5" bestFit="1" customWidth="1"/>
    <col min="6659" max="6659" width="19.7109375" style="5" customWidth="1"/>
    <col min="6660" max="6660" width="28.7109375" style="5" customWidth="1"/>
    <col min="6661" max="6661" width="33.42578125" style="5" customWidth="1"/>
    <col min="6662" max="6662" width="10.42578125" style="5" bestFit="1" customWidth="1"/>
    <col min="6663" max="6913" width="9.140625" style="5"/>
    <col min="6914" max="6914" width="4.7109375" style="5" bestFit="1" customWidth="1"/>
    <col min="6915" max="6915" width="19.7109375" style="5" customWidth="1"/>
    <col min="6916" max="6916" width="28.7109375" style="5" customWidth="1"/>
    <col min="6917" max="6917" width="33.42578125" style="5" customWidth="1"/>
    <col min="6918" max="6918" width="10.42578125" style="5" bestFit="1" customWidth="1"/>
    <col min="6919" max="7169" width="9.140625" style="5"/>
    <col min="7170" max="7170" width="4.7109375" style="5" bestFit="1" customWidth="1"/>
    <col min="7171" max="7171" width="19.7109375" style="5" customWidth="1"/>
    <col min="7172" max="7172" width="28.7109375" style="5" customWidth="1"/>
    <col min="7173" max="7173" width="33.42578125" style="5" customWidth="1"/>
    <col min="7174" max="7174" width="10.42578125" style="5" bestFit="1" customWidth="1"/>
    <col min="7175" max="7425" width="9.140625" style="5"/>
    <col min="7426" max="7426" width="4.7109375" style="5" bestFit="1" customWidth="1"/>
    <col min="7427" max="7427" width="19.7109375" style="5" customWidth="1"/>
    <col min="7428" max="7428" width="28.7109375" style="5" customWidth="1"/>
    <col min="7429" max="7429" width="33.42578125" style="5" customWidth="1"/>
    <col min="7430" max="7430" width="10.42578125" style="5" bestFit="1" customWidth="1"/>
    <col min="7431" max="7681" width="9.140625" style="5"/>
    <col min="7682" max="7682" width="4.7109375" style="5" bestFit="1" customWidth="1"/>
    <col min="7683" max="7683" width="19.7109375" style="5" customWidth="1"/>
    <col min="7684" max="7684" width="28.7109375" style="5" customWidth="1"/>
    <col min="7685" max="7685" width="33.42578125" style="5" customWidth="1"/>
    <col min="7686" max="7686" width="10.42578125" style="5" bestFit="1" customWidth="1"/>
    <col min="7687" max="7937" width="9.140625" style="5"/>
    <col min="7938" max="7938" width="4.7109375" style="5" bestFit="1" customWidth="1"/>
    <col min="7939" max="7939" width="19.7109375" style="5" customWidth="1"/>
    <col min="7940" max="7940" width="28.7109375" style="5" customWidth="1"/>
    <col min="7941" max="7941" width="33.42578125" style="5" customWidth="1"/>
    <col min="7942" max="7942" width="10.42578125" style="5" bestFit="1" customWidth="1"/>
    <col min="7943" max="8193" width="9.140625" style="5"/>
    <col min="8194" max="8194" width="4.7109375" style="5" bestFit="1" customWidth="1"/>
    <col min="8195" max="8195" width="19.7109375" style="5" customWidth="1"/>
    <col min="8196" max="8196" width="28.7109375" style="5" customWidth="1"/>
    <col min="8197" max="8197" width="33.42578125" style="5" customWidth="1"/>
    <col min="8198" max="8198" width="10.42578125" style="5" bestFit="1" customWidth="1"/>
    <col min="8199" max="8449" width="9.140625" style="5"/>
    <col min="8450" max="8450" width="4.7109375" style="5" bestFit="1" customWidth="1"/>
    <col min="8451" max="8451" width="19.7109375" style="5" customWidth="1"/>
    <col min="8452" max="8452" width="28.7109375" style="5" customWidth="1"/>
    <col min="8453" max="8453" width="33.42578125" style="5" customWidth="1"/>
    <col min="8454" max="8454" width="10.42578125" style="5" bestFit="1" customWidth="1"/>
    <col min="8455" max="8705" width="9.140625" style="5"/>
    <col min="8706" max="8706" width="4.7109375" style="5" bestFit="1" customWidth="1"/>
    <col min="8707" max="8707" width="19.7109375" style="5" customWidth="1"/>
    <col min="8708" max="8708" width="28.7109375" style="5" customWidth="1"/>
    <col min="8709" max="8709" width="33.42578125" style="5" customWidth="1"/>
    <col min="8710" max="8710" width="10.42578125" style="5" bestFit="1" customWidth="1"/>
    <col min="8711" max="8961" width="9.140625" style="5"/>
    <col min="8962" max="8962" width="4.7109375" style="5" bestFit="1" customWidth="1"/>
    <col min="8963" max="8963" width="19.7109375" style="5" customWidth="1"/>
    <col min="8964" max="8964" width="28.7109375" style="5" customWidth="1"/>
    <col min="8965" max="8965" width="33.42578125" style="5" customWidth="1"/>
    <col min="8966" max="8966" width="10.42578125" style="5" bestFit="1" customWidth="1"/>
    <col min="8967" max="9217" width="9.140625" style="5"/>
    <col min="9218" max="9218" width="4.7109375" style="5" bestFit="1" customWidth="1"/>
    <col min="9219" max="9219" width="19.7109375" style="5" customWidth="1"/>
    <col min="9220" max="9220" width="28.7109375" style="5" customWidth="1"/>
    <col min="9221" max="9221" width="33.42578125" style="5" customWidth="1"/>
    <col min="9222" max="9222" width="10.42578125" style="5" bestFit="1" customWidth="1"/>
    <col min="9223" max="9473" width="9.140625" style="5"/>
    <col min="9474" max="9474" width="4.7109375" style="5" bestFit="1" customWidth="1"/>
    <col min="9475" max="9475" width="19.7109375" style="5" customWidth="1"/>
    <col min="9476" max="9476" width="28.7109375" style="5" customWidth="1"/>
    <col min="9477" max="9477" width="33.42578125" style="5" customWidth="1"/>
    <col min="9478" max="9478" width="10.42578125" style="5" bestFit="1" customWidth="1"/>
    <col min="9479" max="9729" width="9.140625" style="5"/>
    <col min="9730" max="9730" width="4.7109375" style="5" bestFit="1" customWidth="1"/>
    <col min="9731" max="9731" width="19.7109375" style="5" customWidth="1"/>
    <col min="9732" max="9732" width="28.7109375" style="5" customWidth="1"/>
    <col min="9733" max="9733" width="33.42578125" style="5" customWidth="1"/>
    <col min="9734" max="9734" width="10.42578125" style="5" bestFit="1" customWidth="1"/>
    <col min="9735" max="9985" width="9.140625" style="5"/>
    <col min="9986" max="9986" width="4.7109375" style="5" bestFit="1" customWidth="1"/>
    <col min="9987" max="9987" width="19.7109375" style="5" customWidth="1"/>
    <col min="9988" max="9988" width="28.7109375" style="5" customWidth="1"/>
    <col min="9989" max="9989" width="33.42578125" style="5" customWidth="1"/>
    <col min="9990" max="9990" width="10.42578125" style="5" bestFit="1" customWidth="1"/>
    <col min="9991" max="10241" width="9.140625" style="5"/>
    <col min="10242" max="10242" width="4.7109375" style="5" bestFit="1" customWidth="1"/>
    <col min="10243" max="10243" width="19.7109375" style="5" customWidth="1"/>
    <col min="10244" max="10244" width="28.7109375" style="5" customWidth="1"/>
    <col min="10245" max="10245" width="33.42578125" style="5" customWidth="1"/>
    <col min="10246" max="10246" width="10.42578125" style="5" bestFit="1" customWidth="1"/>
    <col min="10247" max="10497" width="9.140625" style="5"/>
    <col min="10498" max="10498" width="4.7109375" style="5" bestFit="1" customWidth="1"/>
    <col min="10499" max="10499" width="19.7109375" style="5" customWidth="1"/>
    <col min="10500" max="10500" width="28.7109375" style="5" customWidth="1"/>
    <col min="10501" max="10501" width="33.42578125" style="5" customWidth="1"/>
    <col min="10502" max="10502" width="10.42578125" style="5" bestFit="1" customWidth="1"/>
    <col min="10503" max="10753" width="9.140625" style="5"/>
    <col min="10754" max="10754" width="4.7109375" style="5" bestFit="1" customWidth="1"/>
    <col min="10755" max="10755" width="19.7109375" style="5" customWidth="1"/>
    <col min="10756" max="10756" width="28.7109375" style="5" customWidth="1"/>
    <col min="10757" max="10757" width="33.42578125" style="5" customWidth="1"/>
    <col min="10758" max="10758" width="10.42578125" style="5" bestFit="1" customWidth="1"/>
    <col min="10759" max="11009" width="9.140625" style="5"/>
    <col min="11010" max="11010" width="4.7109375" style="5" bestFit="1" customWidth="1"/>
    <col min="11011" max="11011" width="19.7109375" style="5" customWidth="1"/>
    <col min="11012" max="11012" width="28.7109375" style="5" customWidth="1"/>
    <col min="11013" max="11013" width="33.42578125" style="5" customWidth="1"/>
    <col min="11014" max="11014" width="10.42578125" style="5" bestFit="1" customWidth="1"/>
    <col min="11015" max="11265" width="9.140625" style="5"/>
    <col min="11266" max="11266" width="4.7109375" style="5" bestFit="1" customWidth="1"/>
    <col min="11267" max="11267" width="19.7109375" style="5" customWidth="1"/>
    <col min="11268" max="11268" width="28.7109375" style="5" customWidth="1"/>
    <col min="11269" max="11269" width="33.42578125" style="5" customWidth="1"/>
    <col min="11270" max="11270" width="10.42578125" style="5" bestFit="1" customWidth="1"/>
    <col min="11271" max="11521" width="9.140625" style="5"/>
    <col min="11522" max="11522" width="4.7109375" style="5" bestFit="1" customWidth="1"/>
    <col min="11523" max="11523" width="19.7109375" style="5" customWidth="1"/>
    <col min="11524" max="11524" width="28.7109375" style="5" customWidth="1"/>
    <col min="11525" max="11525" width="33.42578125" style="5" customWidth="1"/>
    <col min="11526" max="11526" width="10.42578125" style="5" bestFit="1" customWidth="1"/>
    <col min="11527" max="11777" width="9.140625" style="5"/>
    <col min="11778" max="11778" width="4.7109375" style="5" bestFit="1" customWidth="1"/>
    <col min="11779" max="11779" width="19.7109375" style="5" customWidth="1"/>
    <col min="11780" max="11780" width="28.7109375" style="5" customWidth="1"/>
    <col min="11781" max="11781" width="33.42578125" style="5" customWidth="1"/>
    <col min="11782" max="11782" width="10.42578125" style="5" bestFit="1" customWidth="1"/>
    <col min="11783" max="12033" width="9.140625" style="5"/>
    <col min="12034" max="12034" width="4.7109375" style="5" bestFit="1" customWidth="1"/>
    <col min="12035" max="12035" width="19.7109375" style="5" customWidth="1"/>
    <col min="12036" max="12036" width="28.7109375" style="5" customWidth="1"/>
    <col min="12037" max="12037" width="33.42578125" style="5" customWidth="1"/>
    <col min="12038" max="12038" width="10.42578125" style="5" bestFit="1" customWidth="1"/>
    <col min="12039" max="12289" width="9.140625" style="5"/>
    <col min="12290" max="12290" width="4.7109375" style="5" bestFit="1" customWidth="1"/>
    <col min="12291" max="12291" width="19.7109375" style="5" customWidth="1"/>
    <col min="12292" max="12292" width="28.7109375" style="5" customWidth="1"/>
    <col min="12293" max="12293" width="33.42578125" style="5" customWidth="1"/>
    <col min="12294" max="12294" width="10.42578125" style="5" bestFit="1" customWidth="1"/>
    <col min="12295" max="12545" width="9.140625" style="5"/>
    <col min="12546" max="12546" width="4.7109375" style="5" bestFit="1" customWidth="1"/>
    <col min="12547" max="12547" width="19.7109375" style="5" customWidth="1"/>
    <col min="12548" max="12548" width="28.7109375" style="5" customWidth="1"/>
    <col min="12549" max="12549" width="33.42578125" style="5" customWidth="1"/>
    <col min="12550" max="12550" width="10.42578125" style="5" bestFit="1" customWidth="1"/>
    <col min="12551" max="12801" width="9.140625" style="5"/>
    <col min="12802" max="12802" width="4.7109375" style="5" bestFit="1" customWidth="1"/>
    <col min="12803" max="12803" width="19.7109375" style="5" customWidth="1"/>
    <col min="12804" max="12804" width="28.7109375" style="5" customWidth="1"/>
    <col min="12805" max="12805" width="33.42578125" style="5" customWidth="1"/>
    <col min="12806" max="12806" width="10.42578125" style="5" bestFit="1" customWidth="1"/>
    <col min="12807" max="13057" width="9.140625" style="5"/>
    <col min="13058" max="13058" width="4.7109375" style="5" bestFit="1" customWidth="1"/>
    <col min="13059" max="13059" width="19.7109375" style="5" customWidth="1"/>
    <col min="13060" max="13060" width="28.7109375" style="5" customWidth="1"/>
    <col min="13061" max="13061" width="33.42578125" style="5" customWidth="1"/>
    <col min="13062" max="13062" width="10.42578125" style="5" bestFit="1" customWidth="1"/>
    <col min="13063" max="13313" width="9.140625" style="5"/>
    <col min="13314" max="13314" width="4.7109375" style="5" bestFit="1" customWidth="1"/>
    <col min="13315" max="13315" width="19.7109375" style="5" customWidth="1"/>
    <col min="13316" max="13316" width="28.7109375" style="5" customWidth="1"/>
    <col min="13317" max="13317" width="33.42578125" style="5" customWidth="1"/>
    <col min="13318" max="13318" width="10.42578125" style="5" bestFit="1" customWidth="1"/>
    <col min="13319" max="13569" width="9.140625" style="5"/>
    <col min="13570" max="13570" width="4.7109375" style="5" bestFit="1" customWidth="1"/>
    <col min="13571" max="13571" width="19.7109375" style="5" customWidth="1"/>
    <col min="13572" max="13572" width="28.7109375" style="5" customWidth="1"/>
    <col min="13573" max="13573" width="33.42578125" style="5" customWidth="1"/>
    <col min="13574" max="13574" width="10.42578125" style="5" bestFit="1" customWidth="1"/>
    <col min="13575" max="13825" width="9.140625" style="5"/>
    <col min="13826" max="13826" width="4.7109375" style="5" bestFit="1" customWidth="1"/>
    <col min="13827" max="13827" width="19.7109375" style="5" customWidth="1"/>
    <col min="13828" max="13828" width="28.7109375" style="5" customWidth="1"/>
    <col min="13829" max="13829" width="33.42578125" style="5" customWidth="1"/>
    <col min="13830" max="13830" width="10.42578125" style="5" bestFit="1" customWidth="1"/>
    <col min="13831" max="14081" width="9.140625" style="5"/>
    <col min="14082" max="14082" width="4.7109375" style="5" bestFit="1" customWidth="1"/>
    <col min="14083" max="14083" width="19.7109375" style="5" customWidth="1"/>
    <col min="14084" max="14084" width="28.7109375" style="5" customWidth="1"/>
    <col min="14085" max="14085" width="33.42578125" style="5" customWidth="1"/>
    <col min="14086" max="14086" width="10.42578125" style="5" bestFit="1" customWidth="1"/>
    <col min="14087" max="14337" width="9.140625" style="5"/>
    <col min="14338" max="14338" width="4.7109375" style="5" bestFit="1" customWidth="1"/>
    <col min="14339" max="14339" width="19.7109375" style="5" customWidth="1"/>
    <col min="14340" max="14340" width="28.7109375" style="5" customWidth="1"/>
    <col min="14341" max="14341" width="33.42578125" style="5" customWidth="1"/>
    <col min="14342" max="14342" width="10.42578125" style="5" bestFit="1" customWidth="1"/>
    <col min="14343" max="14593" width="9.140625" style="5"/>
    <col min="14594" max="14594" width="4.7109375" style="5" bestFit="1" customWidth="1"/>
    <col min="14595" max="14595" width="19.7109375" style="5" customWidth="1"/>
    <col min="14596" max="14596" width="28.7109375" style="5" customWidth="1"/>
    <col min="14597" max="14597" width="33.42578125" style="5" customWidth="1"/>
    <col min="14598" max="14598" width="10.42578125" style="5" bestFit="1" customWidth="1"/>
    <col min="14599" max="14849" width="9.140625" style="5"/>
    <col min="14850" max="14850" width="4.7109375" style="5" bestFit="1" customWidth="1"/>
    <col min="14851" max="14851" width="19.7109375" style="5" customWidth="1"/>
    <col min="14852" max="14852" width="28.7109375" style="5" customWidth="1"/>
    <col min="14853" max="14853" width="33.42578125" style="5" customWidth="1"/>
    <col min="14854" max="14854" width="10.42578125" style="5" bestFit="1" customWidth="1"/>
    <col min="14855" max="15105" width="9.140625" style="5"/>
    <col min="15106" max="15106" width="4.7109375" style="5" bestFit="1" customWidth="1"/>
    <col min="15107" max="15107" width="19.7109375" style="5" customWidth="1"/>
    <col min="15108" max="15108" width="28.7109375" style="5" customWidth="1"/>
    <col min="15109" max="15109" width="33.42578125" style="5" customWidth="1"/>
    <col min="15110" max="15110" width="10.42578125" style="5" bestFit="1" customWidth="1"/>
    <col min="15111" max="15361" width="9.140625" style="5"/>
    <col min="15362" max="15362" width="4.7109375" style="5" bestFit="1" customWidth="1"/>
    <col min="15363" max="15363" width="19.7109375" style="5" customWidth="1"/>
    <col min="15364" max="15364" width="28.7109375" style="5" customWidth="1"/>
    <col min="15365" max="15365" width="33.42578125" style="5" customWidth="1"/>
    <col min="15366" max="15366" width="10.42578125" style="5" bestFit="1" customWidth="1"/>
    <col min="15367" max="15617" width="9.140625" style="5"/>
    <col min="15618" max="15618" width="4.7109375" style="5" bestFit="1" customWidth="1"/>
    <col min="15619" max="15619" width="19.7109375" style="5" customWidth="1"/>
    <col min="15620" max="15620" width="28.7109375" style="5" customWidth="1"/>
    <col min="15621" max="15621" width="33.42578125" style="5" customWidth="1"/>
    <col min="15622" max="15622" width="10.42578125" style="5" bestFit="1" customWidth="1"/>
    <col min="15623" max="15873" width="9.140625" style="5"/>
    <col min="15874" max="15874" width="4.7109375" style="5" bestFit="1" customWidth="1"/>
    <col min="15875" max="15875" width="19.7109375" style="5" customWidth="1"/>
    <col min="15876" max="15876" width="28.7109375" style="5" customWidth="1"/>
    <col min="15877" max="15877" width="33.42578125" style="5" customWidth="1"/>
    <col min="15878" max="15878" width="10.42578125" style="5" bestFit="1" customWidth="1"/>
    <col min="15879" max="16129" width="9.140625" style="5"/>
    <col min="16130" max="16130" width="4.7109375" style="5" bestFit="1" customWidth="1"/>
    <col min="16131" max="16131" width="19.7109375" style="5" customWidth="1"/>
    <col min="16132" max="16132" width="28.7109375" style="5" customWidth="1"/>
    <col min="16133" max="16133" width="33.42578125" style="5" customWidth="1"/>
    <col min="16134" max="16134" width="10.42578125" style="5" bestFit="1" customWidth="1"/>
    <col min="16135" max="16384" width="9.140625" style="5"/>
  </cols>
  <sheetData>
    <row r="1" spans="2:11" ht="20.100000000000001" customHeight="1">
      <c r="B1" s="245" t="s">
        <v>5</v>
      </c>
      <c r="C1" s="245"/>
    </row>
    <row r="2" spans="2:11" s="11" customFormat="1" ht="30" customHeight="1">
      <c r="B2" s="246" t="str">
        <f>'Príloha č.1'!B2:E2</f>
        <v>Drenážne katétre</v>
      </c>
      <c r="C2" s="247"/>
      <c r="D2" s="247"/>
      <c r="E2" s="248"/>
    </row>
    <row r="3" spans="2:11" s="19" customFormat="1" ht="15" customHeight="1">
      <c r="B3" s="249"/>
      <c r="C3" s="249"/>
      <c r="D3" s="249"/>
      <c r="E3" s="17"/>
    </row>
    <row r="4" spans="2:11" s="21" customFormat="1" ht="54.95" customHeight="1">
      <c r="B4" s="250" t="s">
        <v>58</v>
      </c>
      <c r="C4" s="250"/>
      <c r="D4" s="250"/>
      <c r="E4" s="250"/>
      <c r="F4" s="20"/>
      <c r="G4" s="20"/>
      <c r="H4" s="20"/>
      <c r="I4" s="20"/>
      <c r="J4" s="20"/>
      <c r="K4" s="20"/>
    </row>
    <row r="5" spans="2:11" ht="15" customHeight="1"/>
    <row r="6" spans="2:11" s="11" customFormat="1" ht="15" customHeight="1">
      <c r="B6" s="251" t="s">
        <v>49</v>
      </c>
      <c r="C6" s="251"/>
      <c r="D6" s="253" t="str">
        <f>IF('Príloha č.1'!$D$6="","",'Príloha č.1'!$D$6)</f>
        <v/>
      </c>
      <c r="E6" s="254"/>
    </row>
    <row r="7" spans="2:11" s="11" customFormat="1" ht="15" customHeight="1">
      <c r="B7" s="251" t="s">
        <v>50</v>
      </c>
      <c r="C7" s="251"/>
      <c r="D7" s="252" t="str">
        <f>IF('Príloha č.1'!$D$7="","",'Príloha č.1'!$D$7)</f>
        <v/>
      </c>
      <c r="E7" s="251"/>
    </row>
    <row r="8" spans="2:11" ht="15" customHeight="1">
      <c r="B8" s="245" t="s">
        <v>7</v>
      </c>
      <c r="C8" s="245"/>
      <c r="D8" s="252" t="str">
        <f>IF('Príloha č.1'!$D$8="","",'Príloha č.1'!$D$8)</f>
        <v/>
      </c>
      <c r="E8" s="251"/>
    </row>
    <row r="9" spans="2:11" ht="15" customHeight="1">
      <c r="B9" s="245" t="s">
        <v>8</v>
      </c>
      <c r="C9" s="245"/>
      <c r="D9" s="252" t="str">
        <f>IF('Príloha č.1'!$D$9="","",'Príloha č.1'!$D$9)</f>
        <v/>
      </c>
      <c r="E9" s="251"/>
    </row>
    <row r="10" spans="2:11" ht="20.100000000000001" customHeight="1">
      <c r="D10" s="12"/>
    </row>
    <row r="11" spans="2:11" s="6" customFormat="1" ht="20.100000000000001" customHeight="1">
      <c r="B11" s="238" t="s">
        <v>16</v>
      </c>
      <c r="C11" s="238"/>
      <c r="D11" s="238"/>
      <c r="E11" s="238"/>
    </row>
    <row r="12" spans="2:11" ht="54" customHeight="1">
      <c r="B12" s="11" t="s">
        <v>17</v>
      </c>
      <c r="C12" s="251" t="s">
        <v>96</v>
      </c>
      <c r="D12" s="251"/>
      <c r="E12" s="251"/>
    </row>
    <row r="13" spans="2:11" ht="43.5" customHeight="1">
      <c r="B13" s="11" t="s">
        <v>17</v>
      </c>
      <c r="C13" s="251" t="s">
        <v>36</v>
      </c>
      <c r="D13" s="251"/>
      <c r="E13" s="251"/>
    </row>
    <row r="14" spans="2:11" ht="37.5" customHeight="1">
      <c r="B14" s="11" t="s">
        <v>17</v>
      </c>
      <c r="C14" s="251" t="s">
        <v>37</v>
      </c>
      <c r="D14" s="251"/>
      <c r="E14" s="251"/>
    </row>
    <row r="15" spans="2:11" ht="19.5" customHeight="1"/>
    <row r="16" spans="2:11" s="6" customFormat="1">
      <c r="B16" s="6" t="s">
        <v>12</v>
      </c>
      <c r="C16" s="76" t="str">
        <f>IF('Príloha č.1'!C19:C19="","",'Príloha č.1'!C19:C19)</f>
        <v/>
      </c>
    </row>
    <row r="17" spans="2:6" s="6" customFormat="1">
      <c r="B17" s="6" t="s">
        <v>20</v>
      </c>
      <c r="C17" s="81" t="str">
        <f>IF('Príloha č.1'!C20:C20="","",'Príloha č.1'!C20:C20)</f>
        <v/>
      </c>
    </row>
    <row r="18" spans="2:6" s="6" customFormat="1" ht="33" customHeight="1"/>
    <row r="19" spans="2:6" ht="13.5" customHeight="1">
      <c r="D19" s="114" t="s">
        <v>51</v>
      </c>
      <c r="E19" s="7"/>
    </row>
    <row r="20" spans="2:6" ht="15" customHeight="1">
      <c r="D20" s="14" t="s">
        <v>22</v>
      </c>
      <c r="E20" s="13" t="str">
        <f>IF('Príloha č.1'!E23="","",'Príloha č.1'!E23)</f>
        <v/>
      </c>
    </row>
    <row r="21" spans="2:6">
      <c r="D21" s="1"/>
      <c r="E21" s="9"/>
    </row>
    <row r="22" spans="2:6" s="1" customFormat="1">
      <c r="B22" s="236" t="s">
        <v>14</v>
      </c>
      <c r="C22" s="236"/>
    </row>
    <row r="23" spans="2:6" s="1" customFormat="1" ht="12" customHeight="1">
      <c r="B23" s="8"/>
      <c r="C23" s="245" t="s">
        <v>15</v>
      </c>
      <c r="D23" s="245"/>
      <c r="E23" s="9"/>
      <c r="F23" s="10"/>
    </row>
  </sheetData>
  <mergeCells count="18">
    <mergeCell ref="B22:C22"/>
    <mergeCell ref="C23:D23"/>
    <mergeCell ref="B11:E11"/>
    <mergeCell ref="C12:E12"/>
    <mergeCell ref="C13:E13"/>
    <mergeCell ref="C14:E14"/>
    <mergeCell ref="B7:C7"/>
    <mergeCell ref="D7:E7"/>
    <mergeCell ref="B8:C8"/>
    <mergeCell ref="D8:E8"/>
    <mergeCell ref="B9:C9"/>
    <mergeCell ref="D9:E9"/>
    <mergeCell ref="B1:C1"/>
    <mergeCell ref="B2:E2"/>
    <mergeCell ref="B4:E4"/>
    <mergeCell ref="B6:C6"/>
    <mergeCell ref="D6:E6"/>
    <mergeCell ref="B3:D3"/>
  </mergeCells>
  <conditionalFormatting sqref="B23">
    <cfRule type="containsBlanks" dxfId="23" priority="2">
      <formula>LEN(TRIM(B23))=0</formula>
    </cfRule>
  </conditionalFormatting>
  <conditionalFormatting sqref="C16:C17">
    <cfRule type="containsBlanks" dxfId="22" priority="3">
      <formula>LEN(TRIM(C16))=0</formula>
    </cfRule>
  </conditionalFormatting>
  <conditionalFormatting sqref="D6:E9">
    <cfRule type="containsBlanks" dxfId="21" priority="4">
      <formula>LEN(TRIM(D6))=0</formula>
    </cfRule>
  </conditionalFormatting>
  <conditionalFormatting sqref="E20">
    <cfRule type="containsBlanks" dxfId="20" priority="1">
      <formula>LEN(TRIM(E20))=0</formula>
    </cfRule>
  </conditionalFormatting>
  <pageMargins left="0.78740157480314965" right="0.78740157480314965" top="0.98425196850393704" bottom="0.78740157480314965" header="0.31496062992125984" footer="0.31496062992125984"/>
  <pageSetup paperSize="9" scale="93" orientation="portrait" r:id="rId1"/>
  <headerFooter>
    <oddHeader>&amp;L&amp;"Arial,Tučné"&amp;9Príloha č. 4 Výzvy na predkladanie ponúk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23"/>
  <sheetViews>
    <sheetView showGridLines="0" zoomScaleNormal="100" workbookViewId="0">
      <selection activeCell="B2" sqref="B2:E2"/>
    </sheetView>
  </sheetViews>
  <sheetFormatPr defaultRowHeight="12"/>
  <cols>
    <col min="1" max="1" width="2.7109375" style="92" customWidth="1"/>
    <col min="2" max="2" width="7.5703125" style="92" customWidth="1"/>
    <col min="3" max="3" width="18.140625" style="92" customWidth="1"/>
    <col min="4" max="4" width="19.85546875" style="92" customWidth="1"/>
    <col min="5" max="5" width="37" style="92" customWidth="1"/>
    <col min="6" max="6" width="10.7109375" style="92" customWidth="1"/>
    <col min="7" max="7" width="15.7109375" style="92" customWidth="1"/>
    <col min="8" max="8" width="7.28515625" style="92" customWidth="1"/>
    <col min="9" max="10" width="15.7109375" style="92" customWidth="1"/>
    <col min="11" max="16384" width="9.140625" style="92"/>
  </cols>
  <sheetData>
    <row r="1" spans="2:11" s="5" customFormat="1" ht="20.100000000000001" customHeight="1">
      <c r="B1" s="245" t="s">
        <v>5</v>
      </c>
      <c r="C1" s="245"/>
    </row>
    <row r="2" spans="2:11" s="11" customFormat="1" ht="30" customHeight="1">
      <c r="B2" s="246" t="str">
        <f>'Príloha č.1'!B2:E2</f>
        <v>Drenážne katétre</v>
      </c>
      <c r="C2" s="247"/>
      <c r="D2" s="247"/>
      <c r="E2" s="248"/>
    </row>
    <row r="3" spans="2:11" ht="15" customHeight="1">
      <c r="B3" s="267"/>
      <c r="C3" s="267"/>
      <c r="D3" s="267"/>
      <c r="E3" s="267"/>
      <c r="F3" s="267"/>
      <c r="G3" s="93"/>
      <c r="H3" s="93"/>
      <c r="I3" s="93"/>
    </row>
    <row r="4" spans="2:11" s="21" customFormat="1" ht="54.95" customHeight="1">
      <c r="B4" s="250" t="s">
        <v>52</v>
      </c>
      <c r="C4" s="250"/>
      <c r="D4" s="250"/>
      <c r="E4" s="250"/>
      <c r="F4" s="20"/>
      <c r="G4" s="20"/>
      <c r="H4" s="20"/>
      <c r="I4" s="20"/>
      <c r="J4" s="20"/>
      <c r="K4" s="20"/>
    </row>
    <row r="5" spans="2:11" s="95" customFormat="1" ht="15" customHeight="1">
      <c r="B5" s="96"/>
      <c r="C5" s="96"/>
      <c r="D5" s="96"/>
      <c r="E5" s="96"/>
      <c r="F5" s="94"/>
      <c r="G5" s="94"/>
      <c r="H5" s="94"/>
      <c r="I5" s="94"/>
      <c r="J5" s="94"/>
    </row>
    <row r="6" spans="2:11" s="95" customFormat="1" ht="15" customHeight="1">
      <c r="B6" s="263" t="s">
        <v>53</v>
      </c>
      <c r="C6" s="263"/>
      <c r="D6" s="253" t="str">
        <f>IF('Príloha č.1'!$D$6="","",'Príloha č.1'!$D$6)</f>
        <v/>
      </c>
      <c r="E6" s="254"/>
    </row>
    <row r="7" spans="2:11" s="95" customFormat="1" ht="15" customHeight="1">
      <c r="B7" s="263" t="s">
        <v>54</v>
      </c>
      <c r="C7" s="263"/>
      <c r="D7" s="252" t="str">
        <f>IF('Príloha č.1'!$D$7="","",'Príloha č.1'!$D$7)</f>
        <v/>
      </c>
      <c r="E7" s="251"/>
    </row>
    <row r="8" spans="2:11" s="95" customFormat="1" ht="15" customHeight="1">
      <c r="B8" s="263" t="s">
        <v>7</v>
      </c>
      <c r="C8" s="263"/>
      <c r="D8" s="252" t="str">
        <f>IF('Príloha č.1'!$D$8="","",'Príloha č.1'!$D$8)</f>
        <v/>
      </c>
      <c r="E8" s="251"/>
    </row>
    <row r="9" spans="2:11" s="95" customFormat="1" ht="15" customHeight="1">
      <c r="B9" s="263" t="s">
        <v>8</v>
      </c>
      <c r="C9" s="263"/>
      <c r="D9" s="252" t="str">
        <f>IF('Príloha č.1'!$D$9="","",'Príloha č.1'!$D$9)</f>
        <v/>
      </c>
      <c r="E9" s="251"/>
    </row>
    <row r="10" spans="2:11">
      <c r="D10" s="97"/>
    </row>
    <row r="11" spans="2:11" ht="48" customHeight="1">
      <c r="B11" s="264" t="s">
        <v>56</v>
      </c>
      <c r="C11" s="264"/>
      <c r="D11" s="264"/>
      <c r="E11" s="264"/>
    </row>
    <row r="12" spans="2:11" ht="12.75" customHeight="1">
      <c r="B12" s="98"/>
      <c r="C12" s="98"/>
      <c r="D12" s="98"/>
      <c r="E12" s="98"/>
    </row>
    <row r="13" spans="2:11" ht="15" customHeight="1">
      <c r="B13" s="263" t="s">
        <v>55</v>
      </c>
      <c r="C13" s="263"/>
      <c r="D13" s="265"/>
      <c r="E13" s="242"/>
    </row>
    <row r="14" spans="2:11" ht="34.5" customHeight="1"/>
    <row r="15" spans="2:11" s="6" customFormat="1">
      <c r="B15" s="6" t="s">
        <v>12</v>
      </c>
      <c r="C15" s="76" t="str">
        <f>IF('Príloha č.1'!C19:C19="","",'Príloha č.1'!C19:C19)</f>
        <v/>
      </c>
    </row>
    <row r="16" spans="2:11" s="6" customFormat="1">
      <c r="B16" s="6" t="s">
        <v>20</v>
      </c>
      <c r="C16" s="81" t="str">
        <f>IF('Príloha č.1'!C20:C20="","",'Príloha č.1'!C20:C20)</f>
        <v/>
      </c>
    </row>
    <row r="17" spans="2:8" s="6" customFormat="1" ht="45.75" customHeight="1"/>
    <row r="18" spans="2:8" s="5" customFormat="1" ht="13.5" customHeight="1">
      <c r="D18" s="114" t="s">
        <v>51</v>
      </c>
      <c r="E18" s="7"/>
    </row>
    <row r="19" spans="2:8" s="5" customFormat="1" ht="15" customHeight="1">
      <c r="D19" s="14" t="s">
        <v>22</v>
      </c>
      <c r="E19" s="13" t="str">
        <f>IF('Príloha č.1'!E23="","",'Príloha č.1'!E23)</f>
        <v/>
      </c>
    </row>
    <row r="20" spans="2:8">
      <c r="D20" s="1"/>
      <c r="E20" s="9"/>
    </row>
    <row r="21" spans="2:8" s="99" customFormat="1">
      <c r="B21" s="266" t="s">
        <v>14</v>
      </c>
      <c r="C21" s="266"/>
      <c r="F21" s="92"/>
    </row>
    <row r="22" spans="2:8" s="99" customFormat="1" ht="15" customHeight="1">
      <c r="B22" s="100"/>
      <c r="C22" s="263" t="s">
        <v>15</v>
      </c>
      <c r="D22" s="263"/>
      <c r="E22" s="101"/>
      <c r="F22" s="92"/>
    </row>
    <row r="23" spans="2:8" s="99" customFormat="1">
      <c r="B23" s="92"/>
      <c r="C23" s="102"/>
      <c r="D23" s="103"/>
      <c r="E23" s="101"/>
      <c r="F23" s="92"/>
      <c r="G23" s="104"/>
      <c r="H23" s="101"/>
    </row>
  </sheetData>
  <mergeCells count="17">
    <mergeCell ref="B1:C1"/>
    <mergeCell ref="B3:F3"/>
    <mergeCell ref="B4:E4"/>
    <mergeCell ref="B6:C6"/>
    <mergeCell ref="D6:E6"/>
    <mergeCell ref="C22:D22"/>
    <mergeCell ref="B2:E2"/>
    <mergeCell ref="B11:E11"/>
    <mergeCell ref="B13:C13"/>
    <mergeCell ref="D13:E13"/>
    <mergeCell ref="B21:C21"/>
    <mergeCell ref="B7:C7"/>
    <mergeCell ref="D7:E7"/>
    <mergeCell ref="B8:C8"/>
    <mergeCell ref="D8:E8"/>
    <mergeCell ref="B9:C9"/>
    <mergeCell ref="D9:E9"/>
  </mergeCells>
  <conditionalFormatting sqref="C15:C16">
    <cfRule type="containsBlanks" dxfId="19" priority="2">
      <formula>LEN(TRIM(C15))=0</formula>
    </cfRule>
  </conditionalFormatting>
  <conditionalFormatting sqref="D6:E9">
    <cfRule type="containsBlanks" dxfId="18" priority="6">
      <formula>LEN(TRIM(D6))=0</formula>
    </cfRule>
  </conditionalFormatting>
  <conditionalFormatting sqref="D13:E13">
    <cfRule type="containsBlanks" dxfId="17" priority="7">
      <formula>LEN(TRIM(D13))=0</formula>
    </cfRule>
  </conditionalFormatting>
  <conditionalFormatting sqref="E19">
    <cfRule type="containsBlanks" dxfId="16" priority="1">
      <formula>LEN(TRIM(E19))=0</formula>
    </cfRule>
  </conditionalFormatting>
  <pageMargins left="0.78740157480314965" right="0.78740157480314965" top="0.98425196850393704" bottom="0.78740157480314965" header="0.31496062992125984" footer="0.31496062992125984"/>
  <pageSetup paperSize="9" orientation="portrait" r:id="rId1"/>
  <headerFooter>
    <oddHeader>&amp;L&amp;"Arial,Tučné"&amp;9Príloha č. 5 Výzvy na predkladanie ponúk&amp;"Arial,Normálne"
Vyhlásenie uchádzača o zápise do ZHS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M21"/>
  <sheetViews>
    <sheetView showGridLines="0" zoomScaleNormal="100" workbookViewId="0">
      <selection activeCell="B2" sqref="B2:E2"/>
    </sheetView>
  </sheetViews>
  <sheetFormatPr defaultColWidth="9.140625" defaultRowHeight="12"/>
  <cols>
    <col min="1" max="1" width="2.7109375" style="107" customWidth="1"/>
    <col min="2" max="2" width="6.42578125" style="107" customWidth="1"/>
    <col min="3" max="3" width="24" style="107" customWidth="1"/>
    <col min="4" max="4" width="19.85546875" style="107" customWidth="1"/>
    <col min="5" max="5" width="37" style="107" customWidth="1"/>
    <col min="6" max="6" width="10.7109375" style="107" customWidth="1"/>
    <col min="7" max="7" width="15.7109375" style="107" customWidth="1"/>
    <col min="8" max="8" width="7.28515625" style="107" customWidth="1"/>
    <col min="9" max="13" width="15.7109375" style="107" customWidth="1"/>
    <col min="14" max="16384" width="9.140625" style="107"/>
  </cols>
  <sheetData>
    <row r="1" spans="2:13" ht="20.100000000000001" customHeight="1">
      <c r="B1" s="268" t="s">
        <v>5</v>
      </c>
      <c r="C1" s="268"/>
    </row>
    <row r="2" spans="2:13" ht="30" customHeight="1">
      <c r="B2" s="269" t="str">
        <f>'Príloha č.1'!B2:E2</f>
        <v>Drenážne katétre</v>
      </c>
      <c r="C2" s="270"/>
      <c r="D2" s="270"/>
      <c r="E2" s="271"/>
      <c r="F2" s="108"/>
      <c r="G2" s="108"/>
      <c r="H2" s="108"/>
      <c r="I2" s="108"/>
      <c r="J2" s="108"/>
      <c r="K2" s="108"/>
      <c r="L2" s="108"/>
      <c r="M2" s="108"/>
    </row>
    <row r="3" spans="2:13" ht="15" customHeight="1">
      <c r="B3" s="272"/>
      <c r="C3" s="272"/>
      <c r="D3" s="272"/>
      <c r="E3" s="272"/>
      <c r="F3" s="272"/>
      <c r="G3" s="109"/>
      <c r="H3" s="109"/>
      <c r="I3" s="109"/>
    </row>
    <row r="4" spans="2:13" s="111" customFormat="1" ht="54.95" customHeight="1">
      <c r="B4" s="273" t="s">
        <v>69</v>
      </c>
      <c r="C4" s="273"/>
      <c r="D4" s="273"/>
      <c r="E4" s="273"/>
      <c r="F4" s="110"/>
      <c r="G4" s="110"/>
      <c r="H4" s="110"/>
      <c r="I4" s="110"/>
      <c r="J4" s="110"/>
      <c r="K4" s="110"/>
      <c r="L4" s="110"/>
      <c r="M4" s="110"/>
    </row>
    <row r="5" spans="2:13" s="111" customFormat="1">
      <c r="B5" s="112"/>
      <c r="C5" s="112"/>
      <c r="D5" s="112"/>
      <c r="E5" s="112"/>
      <c r="F5" s="110"/>
      <c r="G5" s="110"/>
      <c r="H5" s="110"/>
      <c r="I5" s="110"/>
      <c r="J5" s="110"/>
      <c r="K5" s="110"/>
      <c r="L5" s="110"/>
      <c r="M5" s="110"/>
    </row>
    <row r="6" spans="2:13" s="111" customFormat="1" ht="15" customHeight="1">
      <c r="B6" s="274" t="s">
        <v>49</v>
      </c>
      <c r="C6" s="274"/>
      <c r="D6" s="275" t="str">
        <f>IF('Príloha č.1'!$D$6="","",'Príloha č.1'!$D$6)</f>
        <v/>
      </c>
      <c r="E6" s="275"/>
      <c r="K6" s="113"/>
    </row>
    <row r="7" spans="2:13" s="111" customFormat="1" ht="15" customHeight="1">
      <c r="B7" s="277" t="s">
        <v>50</v>
      </c>
      <c r="C7" s="277"/>
      <c r="D7" s="274" t="str">
        <f>IF('Príloha č.1'!$D$7="","",'Príloha č.1'!$D$7)</f>
        <v/>
      </c>
      <c r="E7" s="274"/>
    </row>
    <row r="8" spans="2:13" s="111" customFormat="1" ht="15" customHeight="1">
      <c r="B8" s="277" t="s">
        <v>7</v>
      </c>
      <c r="C8" s="277"/>
      <c r="D8" s="274" t="str">
        <f>IF('Príloha č.1'!$D$8="","",'Príloha č.1'!$D$8)</f>
        <v/>
      </c>
      <c r="E8" s="274"/>
    </row>
    <row r="9" spans="2:13" s="111" customFormat="1" ht="15" customHeight="1">
      <c r="B9" s="277" t="s">
        <v>8</v>
      </c>
      <c r="C9" s="277"/>
      <c r="D9" s="274" t="str">
        <f>IF('Príloha č.1'!$D$9="","",'Príloha č.1'!$D$9)</f>
        <v/>
      </c>
      <c r="E9" s="274"/>
    </row>
    <row r="10" spans="2:13">
      <c r="D10" s="106"/>
    </row>
    <row r="11" spans="2:13" ht="30" customHeight="1">
      <c r="B11" s="279" t="s">
        <v>16</v>
      </c>
      <c r="C11" s="279"/>
      <c r="D11" s="279"/>
      <c r="E11" s="279"/>
    </row>
    <row r="12" spans="2:13" ht="37.5" customHeight="1">
      <c r="B12" s="105" t="s">
        <v>17</v>
      </c>
      <c r="C12" s="278" t="s">
        <v>59</v>
      </c>
      <c r="D12" s="278"/>
      <c r="E12" s="278"/>
    </row>
    <row r="14" spans="2:13" s="6" customFormat="1">
      <c r="B14" s="6" t="s">
        <v>12</v>
      </c>
      <c r="C14" s="76" t="str">
        <f>IF('Príloha č.1'!C19:C19="","",'Príloha č.1'!C19:C19)</f>
        <v/>
      </c>
    </row>
    <row r="15" spans="2:13" s="6" customFormat="1">
      <c r="B15" s="6" t="s">
        <v>20</v>
      </c>
      <c r="C15" s="81" t="str">
        <f>IF('Príloha č.1'!C20:C20="","",'Príloha č.1'!C20:C20)</f>
        <v/>
      </c>
    </row>
    <row r="16" spans="2:13" s="6" customFormat="1" ht="45.75" customHeight="1"/>
    <row r="17" spans="2:6" s="5" customFormat="1" ht="13.5" customHeight="1">
      <c r="D17" s="114" t="s">
        <v>51</v>
      </c>
      <c r="E17" s="7"/>
    </row>
    <row r="18" spans="2:6" s="5" customFormat="1" ht="15" customHeight="1">
      <c r="D18" s="14" t="s">
        <v>22</v>
      </c>
      <c r="E18" s="13" t="str">
        <f>IF('Príloha č.1'!E23="","",'Príloha č.1'!E23)</f>
        <v/>
      </c>
    </row>
    <row r="19" spans="2:6">
      <c r="D19" s="114"/>
      <c r="E19" s="115"/>
    </row>
    <row r="20" spans="2:6" s="115" customFormat="1">
      <c r="B20" s="276" t="s">
        <v>14</v>
      </c>
      <c r="C20" s="276"/>
      <c r="F20" s="107"/>
    </row>
    <row r="21" spans="2:6" s="115" customFormat="1" ht="15" customHeight="1">
      <c r="B21" s="116"/>
      <c r="C21" s="277" t="s">
        <v>15</v>
      </c>
      <c r="D21" s="277"/>
      <c r="E21" s="117"/>
      <c r="F21" s="107"/>
    </row>
  </sheetData>
  <mergeCells count="16">
    <mergeCell ref="B20:C20"/>
    <mergeCell ref="C21:D21"/>
    <mergeCell ref="C12:E12"/>
    <mergeCell ref="B11:E11"/>
    <mergeCell ref="B7:C7"/>
    <mergeCell ref="D7:E7"/>
    <mergeCell ref="B8:C8"/>
    <mergeCell ref="D8:E8"/>
    <mergeCell ref="B9:C9"/>
    <mergeCell ref="D9:E9"/>
    <mergeCell ref="B1:C1"/>
    <mergeCell ref="B2:E2"/>
    <mergeCell ref="B3:F3"/>
    <mergeCell ref="B4:E4"/>
    <mergeCell ref="B6:C6"/>
    <mergeCell ref="D6:E6"/>
  </mergeCells>
  <conditionalFormatting sqref="C14:C15">
    <cfRule type="containsBlanks" dxfId="15" priority="2">
      <formula>LEN(TRIM(C14))=0</formula>
    </cfRule>
  </conditionalFormatting>
  <conditionalFormatting sqref="D6:E9">
    <cfRule type="containsBlanks" dxfId="14" priority="5">
      <formula>LEN(TRIM(D6))=0</formula>
    </cfRule>
  </conditionalFormatting>
  <conditionalFormatting sqref="E18">
    <cfRule type="containsBlanks" dxfId="13" priority="1">
      <formula>LEN(TRIM(E18))=0</formula>
    </cfRule>
  </conditionalFormatting>
  <pageMargins left="0.78740157480314965" right="0.78740157480314965" top="0.98425196850393704" bottom="0.78740157480314965" header="0.31496062992125984" footer="0.31496062992125984"/>
  <pageSetup paperSize="9" scale="97" orientation="portrait" r:id="rId1"/>
  <headerFooter>
    <oddHeader>&amp;L&amp;"Arial,Tučné"&amp;9Príloha č. 6 Výzvy na predkladanie ponúk
&amp;"Arial,Normálne"Vyhlásenie uchádzača o neuloženom zákaze účasti vo verejnom obstarávaní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B1:M34"/>
  <sheetViews>
    <sheetView showGridLines="0" zoomScaleNormal="100" workbookViewId="0">
      <selection activeCell="B2" sqref="B2:F2"/>
    </sheetView>
  </sheetViews>
  <sheetFormatPr defaultRowHeight="12"/>
  <cols>
    <col min="1" max="1" width="2.7109375" style="80" customWidth="1"/>
    <col min="2" max="2" width="6.42578125" style="80" customWidth="1"/>
    <col min="3" max="3" width="11.28515625" style="80" customWidth="1"/>
    <col min="4" max="5" width="14.85546875" style="80" customWidth="1"/>
    <col min="6" max="6" width="49" style="80" customWidth="1"/>
    <col min="7" max="7" width="30.42578125" style="80" customWidth="1"/>
    <col min="8" max="16384" width="9.140625" style="80"/>
  </cols>
  <sheetData>
    <row r="1" spans="2:13" s="107" customFormat="1" ht="20.100000000000001" customHeight="1">
      <c r="B1" s="115" t="s">
        <v>5</v>
      </c>
      <c r="C1" s="115"/>
    </row>
    <row r="2" spans="2:13" s="107" customFormat="1" ht="30" customHeight="1">
      <c r="B2" s="269" t="str">
        <f>'Príloha č.1'!B2:E2</f>
        <v>Drenážne katétre</v>
      </c>
      <c r="C2" s="270"/>
      <c r="D2" s="270"/>
      <c r="E2" s="270"/>
      <c r="F2" s="271"/>
      <c r="G2" s="108"/>
      <c r="H2" s="108"/>
      <c r="I2" s="108"/>
      <c r="J2" s="108"/>
      <c r="K2" s="108"/>
      <c r="L2" s="108"/>
      <c r="M2" s="108"/>
    </row>
    <row r="3" spans="2:13" s="17" customFormat="1">
      <c r="B3" s="249"/>
      <c r="C3" s="249"/>
      <c r="D3" s="249"/>
      <c r="E3" s="91"/>
    </row>
    <row r="4" spans="2:13" s="121" customFormat="1" ht="54.95" customHeight="1">
      <c r="B4" s="250" t="s">
        <v>63</v>
      </c>
      <c r="C4" s="250"/>
      <c r="D4" s="250"/>
      <c r="E4" s="250"/>
      <c r="F4" s="250"/>
      <c r="G4" s="126"/>
    </row>
    <row r="5" spans="2:13" s="11" customFormat="1" ht="15" customHeight="1">
      <c r="B5" s="280" t="s">
        <v>49</v>
      </c>
      <c r="C5" s="280"/>
      <c r="D5" s="280"/>
      <c r="E5" s="265" t="str">
        <f>IF('Príloha č.1'!$D$6="","",'Príloha č.1'!$D$6)</f>
        <v/>
      </c>
      <c r="F5" s="242"/>
    </row>
    <row r="6" spans="2:13" s="11" customFormat="1" ht="15" customHeight="1">
      <c r="B6" s="280" t="s">
        <v>50</v>
      </c>
      <c r="C6" s="280"/>
      <c r="D6" s="280"/>
      <c r="E6" s="292" t="str">
        <f>IF('Príloha č.1'!$D$7="","",'Príloha č.1'!$D$7)</f>
        <v/>
      </c>
      <c r="F6" s="238"/>
    </row>
    <row r="7" spans="2:13" s="5" customFormat="1" ht="15" customHeight="1">
      <c r="B7" s="280" t="s">
        <v>7</v>
      </c>
      <c r="C7" s="280"/>
      <c r="D7" s="280"/>
      <c r="E7" s="292" t="str">
        <f>IF('Príloha č.1'!$D$8="","",'Príloha č.1'!$D$8)</f>
        <v/>
      </c>
      <c r="F7" s="238"/>
    </row>
    <row r="8" spans="2:13" s="5" customFormat="1" ht="15" customHeight="1">
      <c r="B8" s="280" t="s">
        <v>8</v>
      </c>
      <c r="C8" s="280"/>
      <c r="D8" s="280"/>
      <c r="E8" s="292" t="str">
        <f>IF('Príloha č.1'!$D$9="","",'Príloha č.1'!$D$9)</f>
        <v/>
      </c>
      <c r="F8" s="238"/>
    </row>
    <row r="9" spans="2:13" s="121" customFormat="1" ht="12.75" customHeight="1">
      <c r="B9" s="122"/>
      <c r="C9" s="122"/>
      <c r="D9" s="122"/>
      <c r="E9" s="122"/>
      <c r="F9" s="122"/>
      <c r="G9" s="122"/>
    </row>
    <row r="10" spans="2:13" s="121" customFormat="1" ht="35.1" customHeight="1">
      <c r="B10" s="299" t="s">
        <v>60</v>
      </c>
      <c r="C10" s="299"/>
      <c r="D10" s="299"/>
      <c r="E10" s="299"/>
      <c r="F10" s="299"/>
      <c r="G10" s="299"/>
    </row>
    <row r="11" spans="2:13" s="89" customFormat="1" ht="24.95" customHeight="1">
      <c r="B11" s="128" t="s">
        <v>61</v>
      </c>
      <c r="C11" s="281" t="s">
        <v>64</v>
      </c>
      <c r="D11" s="281"/>
      <c r="E11" s="281"/>
      <c r="F11" s="281"/>
      <c r="G11" s="127"/>
    </row>
    <row r="12" spans="2:13" s="121" customFormat="1" ht="12.75" customHeight="1">
      <c r="B12" s="129"/>
      <c r="C12" s="122"/>
      <c r="D12" s="122"/>
      <c r="E12" s="122"/>
      <c r="F12" s="122"/>
      <c r="G12" s="122"/>
    </row>
    <row r="13" spans="2:13" s="89" customFormat="1" ht="24.95" customHeight="1">
      <c r="B13" s="128" t="s">
        <v>62</v>
      </c>
      <c r="C13" s="281" t="s">
        <v>65</v>
      </c>
      <c r="D13" s="281"/>
      <c r="E13" s="281"/>
      <c r="F13" s="281"/>
      <c r="G13" s="127"/>
    </row>
    <row r="14" spans="2:13" ht="12.75" thickBot="1">
      <c r="G14" s="127"/>
    </row>
    <row r="15" spans="2:13" s="124" customFormat="1" ht="40.5" customHeight="1">
      <c r="C15" s="118" t="s">
        <v>24</v>
      </c>
      <c r="D15" s="296" t="s">
        <v>66</v>
      </c>
      <c r="E15" s="297"/>
      <c r="F15" s="298"/>
      <c r="G15" s="127"/>
    </row>
    <row r="16" spans="2:13">
      <c r="C16" s="15" t="s">
        <v>0</v>
      </c>
      <c r="D16" s="288" t="s">
        <v>1</v>
      </c>
      <c r="E16" s="289"/>
      <c r="F16" s="290"/>
      <c r="G16" s="127"/>
    </row>
    <row r="17" spans="2:7" ht="35.1" customHeight="1">
      <c r="C17" s="119"/>
      <c r="D17" s="293"/>
      <c r="E17" s="294"/>
      <c r="F17" s="295"/>
      <c r="G17" s="127"/>
    </row>
    <row r="18" spans="2:7" ht="35.1" customHeight="1">
      <c r="C18" s="16"/>
      <c r="D18" s="282"/>
      <c r="E18" s="283"/>
      <c r="F18" s="284"/>
      <c r="G18" s="127"/>
    </row>
    <row r="19" spans="2:7" ht="35.1" customHeight="1" thickBot="1">
      <c r="C19" s="120"/>
      <c r="D19" s="285"/>
      <c r="E19" s="286"/>
      <c r="F19" s="287"/>
      <c r="G19" s="127"/>
    </row>
    <row r="21" spans="2:7" s="124" customFormat="1" ht="33" customHeight="1">
      <c r="D21" s="291" t="s">
        <v>67</v>
      </c>
      <c r="E21" s="291"/>
      <c r="F21" s="291"/>
      <c r="G21" s="130"/>
    </row>
    <row r="22" spans="2:7" s="124" customFormat="1" ht="33" customHeight="1">
      <c r="D22" s="291" t="s">
        <v>68</v>
      </c>
      <c r="E22" s="291"/>
      <c r="F22" s="291"/>
      <c r="G22" s="130"/>
    </row>
    <row r="23" spans="2:7" s="90" customFormat="1" ht="20.100000000000001" customHeight="1">
      <c r="B23" s="123"/>
      <c r="C23" s="125"/>
      <c r="D23" s="125"/>
      <c r="E23" s="125"/>
      <c r="F23" s="125"/>
      <c r="G23" s="125"/>
    </row>
    <row r="25" spans="2:7" s="6" customFormat="1">
      <c r="B25" s="6" t="s">
        <v>12</v>
      </c>
      <c r="C25" s="76" t="str">
        <f>IF('Príloha č.1'!C19:C19="","",'Príloha č.1'!C19:C19)</f>
        <v/>
      </c>
    </row>
    <row r="26" spans="2:7" s="6" customFormat="1">
      <c r="B26" s="6" t="s">
        <v>20</v>
      </c>
      <c r="C26" s="81" t="str">
        <f>IF('Príloha č.1'!C20:C20="","",'Príloha č.1'!C20:C20)</f>
        <v/>
      </c>
    </row>
    <row r="27" spans="2:7" s="6" customFormat="1" ht="45.75" customHeight="1"/>
    <row r="28" spans="2:7" s="5" customFormat="1" ht="13.5" customHeight="1">
      <c r="E28" s="114" t="s">
        <v>51</v>
      </c>
      <c r="F28" s="7"/>
    </row>
    <row r="29" spans="2:7" s="5" customFormat="1" ht="15" customHeight="1">
      <c r="E29" s="14" t="s">
        <v>22</v>
      </c>
      <c r="F29" s="13" t="str">
        <f>IF('Príloha č.1'!E23="","",'Príloha č.1'!E23)</f>
        <v/>
      </c>
    </row>
    <row r="30" spans="2:7" s="107" customFormat="1">
      <c r="D30" s="114"/>
      <c r="E30" s="115"/>
    </row>
    <row r="31" spans="2:7" s="115" customFormat="1">
      <c r="F31" s="107"/>
    </row>
    <row r="32" spans="2:7" s="115" customFormat="1" ht="15" customHeight="1">
      <c r="E32" s="117"/>
      <c r="F32" s="107"/>
    </row>
    <row r="33" spans="2:4" s="107" customFormat="1">
      <c r="B33" s="276" t="s">
        <v>14</v>
      </c>
      <c r="C33" s="276"/>
      <c r="D33" s="115"/>
    </row>
    <row r="34" spans="2:4">
      <c r="B34" s="116"/>
      <c r="C34" s="131" t="s">
        <v>15</v>
      </c>
      <c r="D34" s="131"/>
    </row>
  </sheetData>
  <mergeCells count="22">
    <mergeCell ref="B4:F4"/>
    <mergeCell ref="B2:F2"/>
    <mergeCell ref="E5:F5"/>
    <mergeCell ref="E6:F6"/>
    <mergeCell ref="D17:F17"/>
    <mergeCell ref="D15:F15"/>
    <mergeCell ref="B3:D3"/>
    <mergeCell ref="B10:G10"/>
    <mergeCell ref="E7:F7"/>
    <mergeCell ref="E8:F8"/>
    <mergeCell ref="B5:D5"/>
    <mergeCell ref="B33:C33"/>
    <mergeCell ref="B6:D6"/>
    <mergeCell ref="B7:D7"/>
    <mergeCell ref="B8:D8"/>
    <mergeCell ref="C11:F11"/>
    <mergeCell ref="C13:F13"/>
    <mergeCell ref="D18:F18"/>
    <mergeCell ref="D19:F19"/>
    <mergeCell ref="D16:F16"/>
    <mergeCell ref="D21:F21"/>
    <mergeCell ref="D22:F22"/>
  </mergeCells>
  <conditionalFormatting sqref="C25:C26">
    <cfRule type="containsBlanks" dxfId="12" priority="2">
      <formula>LEN(TRIM(C25))=0</formula>
    </cfRule>
  </conditionalFormatting>
  <conditionalFormatting sqref="E5:F8">
    <cfRule type="containsBlanks" dxfId="11" priority="5">
      <formula>LEN(TRIM(E5))=0</formula>
    </cfRule>
  </conditionalFormatting>
  <conditionalFormatting sqref="F29">
    <cfRule type="containsBlanks" dxfId="10" priority="1">
      <formula>LEN(TRIM(F29))=0</formula>
    </cfRule>
  </conditionalFormatting>
  <pageMargins left="0.78740157480314965" right="0.78740157480314965" top="0.98425196850393704" bottom="0.78740157480314965" header="0.31496062992125984" footer="0.31496062992125984"/>
  <pageSetup paperSize="9" scale="92" orientation="portrait" r:id="rId1"/>
  <headerFooter>
    <oddHeader>&amp;L&amp;"Arial,Tučné"&amp;9Príloha č. 7 Výzvy na predkladanie ponúk&amp;"Arial,Normálne"
Čestné vyhlásenie uchádzača podľa § 32 ods. 7 a 8 Zákona o 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7649" r:id="rId4" name="Check Box 1">
              <controlPr defaultSize="0" autoFill="0" autoLine="0" autoPict="0">
                <anchor moveWithCells="1">
                  <from>
                    <xdr:col>1</xdr:col>
                    <xdr:colOff>200025</xdr:colOff>
                    <xdr:row>11</xdr:row>
                    <xdr:rowOff>57150</xdr:rowOff>
                  </from>
                  <to>
                    <xdr:col>2</xdr:col>
                    <xdr:colOff>9525</xdr:colOff>
                    <xdr:row>12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650" r:id="rId5" name="Check Box 2">
              <controlPr defaultSize="0" autoFill="0" autoLine="0" autoPict="0">
                <anchor moveWithCells="1">
                  <from>
                    <xdr:col>2</xdr:col>
                    <xdr:colOff>161925</xdr:colOff>
                    <xdr:row>20</xdr:row>
                    <xdr:rowOff>9525</xdr:rowOff>
                  </from>
                  <to>
                    <xdr:col>2</xdr:col>
                    <xdr:colOff>400050</xdr:colOff>
                    <xdr:row>20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651" r:id="rId6" name="Check Box 3">
              <controlPr defaultSize="0" autoFill="0" autoLine="0" autoPict="0">
                <anchor moveWithCells="1">
                  <from>
                    <xdr:col>1</xdr:col>
                    <xdr:colOff>200025</xdr:colOff>
                    <xdr:row>9</xdr:row>
                    <xdr:rowOff>371475</xdr:rowOff>
                  </from>
                  <to>
                    <xdr:col>2</xdr:col>
                    <xdr:colOff>9525</xdr:colOff>
                    <xdr:row>10</xdr:row>
                    <xdr:rowOff>2095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7652" r:id="rId7" name="Check Box 4">
              <controlPr defaultSize="0" autoFill="0" autoLine="0" autoPict="0">
                <anchor moveWithCells="1">
                  <from>
                    <xdr:col>2</xdr:col>
                    <xdr:colOff>161925</xdr:colOff>
                    <xdr:row>21</xdr:row>
                    <xdr:rowOff>0</xdr:rowOff>
                  </from>
                  <to>
                    <xdr:col>2</xdr:col>
                    <xdr:colOff>400050</xdr:colOff>
                    <xdr:row>21</xdr:row>
                    <xdr:rowOff>2857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B1:J80"/>
  <sheetViews>
    <sheetView showGridLines="0" zoomScaleNormal="100" workbookViewId="0">
      <selection activeCell="B2" sqref="B2:H2"/>
    </sheetView>
  </sheetViews>
  <sheetFormatPr defaultColWidth="9.140625" defaultRowHeight="12"/>
  <cols>
    <col min="1" max="1" width="2.7109375" style="44" customWidth="1"/>
    <col min="2" max="2" width="7.42578125" style="44" customWidth="1"/>
    <col min="3" max="3" width="6.140625" style="45" bestFit="1" customWidth="1"/>
    <col min="4" max="4" width="6.7109375" style="44" bestFit="1" customWidth="1"/>
    <col min="5" max="5" width="8.28515625" style="45" bestFit="1" customWidth="1"/>
    <col min="6" max="6" width="44.28515625" style="44" customWidth="1"/>
    <col min="7" max="7" width="19.28515625" style="46" customWidth="1"/>
    <col min="8" max="8" width="25.140625" style="44" customWidth="1"/>
    <col min="9" max="9" width="13.42578125" style="44" customWidth="1"/>
    <col min="10" max="10" width="11.7109375" style="44" bestFit="1" customWidth="1"/>
    <col min="11" max="16384" width="9.140625" style="44"/>
  </cols>
  <sheetData>
    <row r="1" spans="2:10" s="5" customFormat="1" ht="20.100000000000001" customHeight="1">
      <c r="B1" s="1" t="s">
        <v>5</v>
      </c>
      <c r="C1" s="1"/>
    </row>
    <row r="2" spans="2:10" s="11" customFormat="1" ht="30" customHeight="1">
      <c r="B2" s="246" t="str">
        <f>'Príloha č.1'!B2:E2</f>
        <v>Drenážne katétre</v>
      </c>
      <c r="C2" s="247"/>
      <c r="D2" s="247"/>
      <c r="E2" s="247"/>
      <c r="F2" s="247"/>
      <c r="G2" s="247"/>
      <c r="H2" s="248"/>
    </row>
    <row r="3" spans="2:10" s="37" customFormat="1" ht="15" customHeight="1">
      <c r="B3" s="84"/>
      <c r="C3" s="84"/>
      <c r="D3" s="84"/>
      <c r="E3" s="84"/>
      <c r="F3" s="84"/>
      <c r="G3" s="84"/>
      <c r="H3" s="84"/>
      <c r="I3" s="38"/>
      <c r="J3" s="38"/>
    </row>
    <row r="4" spans="2:10" s="40" customFormat="1" ht="18.95" customHeight="1">
      <c r="B4" s="326" t="s">
        <v>32</v>
      </c>
      <c r="C4" s="326"/>
      <c r="D4" s="326"/>
      <c r="E4" s="326"/>
      <c r="F4" s="326"/>
      <c r="G4" s="326"/>
      <c r="H4" s="326"/>
      <c r="I4" s="39"/>
      <c r="J4" s="39"/>
    </row>
    <row r="5" spans="2:10" s="40" customFormat="1" ht="20.25" customHeight="1">
      <c r="B5" s="327" t="s">
        <v>97</v>
      </c>
      <c r="C5" s="328"/>
      <c r="D5" s="328"/>
      <c r="E5" s="328"/>
      <c r="F5" s="328"/>
      <c r="G5" s="328"/>
      <c r="H5" s="329"/>
      <c r="I5" s="39"/>
      <c r="J5" s="39"/>
    </row>
    <row r="6" spans="2:10" s="41" customFormat="1" ht="12" customHeight="1" thickBot="1">
      <c r="B6" s="62"/>
      <c r="C6" s="63"/>
      <c r="E6" s="63"/>
      <c r="G6" s="74"/>
    </row>
    <row r="7" spans="2:10" s="42" customFormat="1" ht="50.1" customHeight="1">
      <c r="B7" s="330" t="s">
        <v>38</v>
      </c>
      <c r="C7" s="331"/>
      <c r="D7" s="331"/>
      <c r="E7" s="331"/>
      <c r="F7" s="332"/>
      <c r="G7" s="336" t="s">
        <v>80</v>
      </c>
      <c r="H7" s="337"/>
      <c r="I7" s="79"/>
    </row>
    <row r="8" spans="2:10" s="42" customFormat="1" ht="33" customHeight="1" thickBot="1">
      <c r="B8" s="333"/>
      <c r="C8" s="334"/>
      <c r="D8" s="334"/>
      <c r="E8" s="334"/>
      <c r="F8" s="335"/>
      <c r="G8" s="75" t="s">
        <v>81</v>
      </c>
      <c r="H8" s="138" t="s">
        <v>149</v>
      </c>
      <c r="I8" s="79"/>
    </row>
    <row r="9" spans="2:10" s="42" customFormat="1" ht="24.95" customHeight="1">
      <c r="B9" s="323" t="s">
        <v>108</v>
      </c>
      <c r="C9" s="324"/>
      <c r="D9" s="324"/>
      <c r="E9" s="324"/>
      <c r="F9" s="324"/>
      <c r="G9" s="324"/>
      <c r="H9" s="325"/>
      <c r="I9" s="79"/>
    </row>
    <row r="10" spans="2:10" s="43" customFormat="1" ht="30" customHeight="1">
      <c r="B10" s="208" t="s">
        <v>0</v>
      </c>
      <c r="C10" s="308" t="s">
        <v>117</v>
      </c>
      <c r="D10" s="309"/>
      <c r="E10" s="309"/>
      <c r="F10" s="310"/>
      <c r="G10" s="220"/>
      <c r="H10" s="225"/>
    </row>
    <row r="11" spans="2:10" s="43" customFormat="1" ht="30" customHeight="1">
      <c r="B11" s="208" t="s">
        <v>1</v>
      </c>
      <c r="C11" s="300" t="s">
        <v>118</v>
      </c>
      <c r="D11" s="301"/>
      <c r="E11" s="301"/>
      <c r="F11" s="302"/>
      <c r="G11" s="221"/>
      <c r="H11" s="212"/>
    </row>
    <row r="12" spans="2:10" s="43" customFormat="1" ht="30" customHeight="1">
      <c r="B12" s="210" t="s">
        <v>111</v>
      </c>
      <c r="C12" s="300" t="s">
        <v>119</v>
      </c>
      <c r="D12" s="301"/>
      <c r="E12" s="301"/>
      <c r="F12" s="302"/>
      <c r="G12" s="222"/>
      <c r="H12" s="211"/>
    </row>
    <row r="13" spans="2:10" s="43" customFormat="1" ht="30" customHeight="1">
      <c r="B13" s="208" t="s">
        <v>2</v>
      </c>
      <c r="C13" s="300" t="s">
        <v>120</v>
      </c>
      <c r="D13" s="301"/>
      <c r="E13" s="301"/>
      <c r="F13" s="302"/>
      <c r="G13" s="222"/>
      <c r="H13" s="211"/>
    </row>
    <row r="14" spans="2:10" s="43" customFormat="1" ht="30" customHeight="1">
      <c r="B14" s="208" t="s">
        <v>3</v>
      </c>
      <c r="C14" s="300" t="s">
        <v>121</v>
      </c>
      <c r="D14" s="301"/>
      <c r="E14" s="301"/>
      <c r="F14" s="302"/>
      <c r="G14" s="223"/>
      <c r="H14" s="211"/>
    </row>
    <row r="15" spans="2:10" s="43" customFormat="1" ht="30" customHeight="1">
      <c r="B15" s="208" t="s">
        <v>4</v>
      </c>
      <c r="C15" s="300" t="s">
        <v>122</v>
      </c>
      <c r="D15" s="301"/>
      <c r="E15" s="301"/>
      <c r="F15" s="302"/>
      <c r="G15" s="222"/>
      <c r="H15" s="216"/>
    </row>
    <row r="16" spans="2:10" s="43" customFormat="1" ht="30" customHeight="1">
      <c r="B16" s="210" t="s">
        <v>112</v>
      </c>
      <c r="C16" s="300" t="s">
        <v>123</v>
      </c>
      <c r="D16" s="301"/>
      <c r="E16" s="301"/>
      <c r="F16" s="302"/>
      <c r="G16" s="224"/>
      <c r="H16" s="212"/>
    </row>
    <row r="17" spans="2:8" s="43" customFormat="1" ht="30" customHeight="1">
      <c r="B17" s="208" t="s">
        <v>21</v>
      </c>
      <c r="C17" s="300" t="s">
        <v>124</v>
      </c>
      <c r="D17" s="301"/>
      <c r="E17" s="301"/>
      <c r="F17" s="302"/>
      <c r="G17" s="220"/>
      <c r="H17" s="226"/>
    </row>
    <row r="18" spans="2:8" s="43" customFormat="1" ht="30" customHeight="1">
      <c r="B18" s="210" t="s">
        <v>113</v>
      </c>
      <c r="C18" s="300" t="s">
        <v>125</v>
      </c>
      <c r="D18" s="301"/>
      <c r="E18" s="301"/>
      <c r="F18" s="302"/>
      <c r="G18" s="220"/>
      <c r="H18" s="226"/>
    </row>
    <row r="19" spans="2:8" s="43" customFormat="1" ht="30" customHeight="1">
      <c r="B19" s="210" t="s">
        <v>114</v>
      </c>
      <c r="C19" s="300" t="s">
        <v>126</v>
      </c>
      <c r="D19" s="301"/>
      <c r="E19" s="301"/>
      <c r="F19" s="302"/>
      <c r="G19" s="220"/>
      <c r="H19" s="226"/>
    </row>
    <row r="20" spans="2:8" s="43" customFormat="1" ht="30" customHeight="1">
      <c r="B20" s="210" t="s">
        <v>115</v>
      </c>
      <c r="C20" s="300" t="s">
        <v>127</v>
      </c>
      <c r="D20" s="301"/>
      <c r="E20" s="301"/>
      <c r="F20" s="302"/>
      <c r="G20" s="220"/>
      <c r="H20" s="226"/>
    </row>
    <row r="21" spans="2:8" s="43" customFormat="1" ht="30" customHeight="1">
      <c r="B21" s="210" t="s">
        <v>116</v>
      </c>
      <c r="C21" s="300" t="s">
        <v>128</v>
      </c>
      <c r="D21" s="301"/>
      <c r="E21" s="301"/>
      <c r="F21" s="302"/>
      <c r="G21" s="220"/>
      <c r="H21" s="226"/>
    </row>
    <row r="22" spans="2:8" s="43" customFormat="1" ht="41.25" customHeight="1">
      <c r="B22" s="214" t="s">
        <v>95</v>
      </c>
      <c r="C22" s="317" t="s">
        <v>133</v>
      </c>
      <c r="D22" s="318"/>
      <c r="E22" s="318"/>
      <c r="F22" s="319"/>
      <c r="G22" s="221"/>
      <c r="H22" s="227"/>
    </row>
    <row r="23" spans="2:8" s="43" customFormat="1" ht="24.75" customHeight="1">
      <c r="B23" s="314" t="s">
        <v>109</v>
      </c>
      <c r="C23" s="315"/>
      <c r="D23" s="315"/>
      <c r="E23" s="315"/>
      <c r="F23" s="315"/>
      <c r="G23" s="315"/>
      <c r="H23" s="316"/>
    </row>
    <row r="24" spans="2:8" s="43" customFormat="1" ht="30" customHeight="1">
      <c r="B24" s="215" t="s">
        <v>0</v>
      </c>
      <c r="C24" s="320" t="s">
        <v>129</v>
      </c>
      <c r="D24" s="321"/>
      <c r="E24" s="321"/>
      <c r="F24" s="322"/>
      <c r="G24" s="233"/>
      <c r="H24" s="225"/>
    </row>
    <row r="25" spans="2:8" s="43" customFormat="1" ht="30" customHeight="1">
      <c r="B25" s="208" t="s">
        <v>1</v>
      </c>
      <c r="C25" s="300" t="s">
        <v>118</v>
      </c>
      <c r="D25" s="301"/>
      <c r="E25" s="301"/>
      <c r="F25" s="302"/>
      <c r="G25" s="233"/>
      <c r="H25" s="228"/>
    </row>
    <row r="26" spans="2:8" s="43" customFormat="1" ht="30" customHeight="1">
      <c r="B26" s="210" t="s">
        <v>111</v>
      </c>
      <c r="C26" s="300" t="s">
        <v>119</v>
      </c>
      <c r="D26" s="301"/>
      <c r="E26" s="301"/>
      <c r="F26" s="302"/>
      <c r="G26" s="233"/>
      <c r="H26" s="228"/>
    </row>
    <row r="27" spans="2:8" s="43" customFormat="1" ht="30" customHeight="1">
      <c r="B27" s="208" t="s">
        <v>2</v>
      </c>
      <c r="C27" s="300" t="s">
        <v>120</v>
      </c>
      <c r="D27" s="301"/>
      <c r="E27" s="301"/>
      <c r="F27" s="302"/>
      <c r="G27" s="233"/>
      <c r="H27" s="228"/>
    </row>
    <row r="28" spans="2:8" s="43" customFormat="1" ht="30" customHeight="1">
      <c r="B28" s="208" t="s">
        <v>3</v>
      </c>
      <c r="C28" s="300" t="s">
        <v>130</v>
      </c>
      <c r="D28" s="301"/>
      <c r="E28" s="301"/>
      <c r="F28" s="302"/>
      <c r="G28" s="233"/>
      <c r="H28" s="228"/>
    </row>
    <row r="29" spans="2:8" s="43" customFormat="1" ht="30" customHeight="1">
      <c r="B29" s="208" t="s">
        <v>4</v>
      </c>
      <c r="C29" s="300" t="s">
        <v>122</v>
      </c>
      <c r="D29" s="301"/>
      <c r="E29" s="301"/>
      <c r="F29" s="302"/>
      <c r="G29" s="233"/>
      <c r="H29" s="228"/>
    </row>
    <row r="30" spans="2:8" s="43" customFormat="1" ht="30" customHeight="1">
      <c r="B30" s="210" t="s">
        <v>112</v>
      </c>
      <c r="C30" s="300" t="s">
        <v>131</v>
      </c>
      <c r="D30" s="301"/>
      <c r="E30" s="301"/>
      <c r="F30" s="302"/>
      <c r="G30" s="220"/>
      <c r="H30" s="226"/>
    </row>
    <row r="31" spans="2:8" s="43" customFormat="1" ht="30" customHeight="1">
      <c r="B31" s="208" t="s">
        <v>21</v>
      </c>
      <c r="C31" s="300" t="s">
        <v>124</v>
      </c>
      <c r="D31" s="301"/>
      <c r="E31" s="301"/>
      <c r="F31" s="302"/>
      <c r="G31" s="220"/>
      <c r="H31" s="226"/>
    </row>
    <row r="32" spans="2:8" s="43" customFormat="1" ht="30" customHeight="1">
      <c r="B32" s="210" t="s">
        <v>113</v>
      </c>
      <c r="C32" s="300" t="s">
        <v>125</v>
      </c>
      <c r="D32" s="301"/>
      <c r="E32" s="301"/>
      <c r="F32" s="302"/>
      <c r="G32" s="220"/>
      <c r="H32" s="226"/>
    </row>
    <row r="33" spans="2:8" s="43" customFormat="1" ht="30" customHeight="1">
      <c r="B33" s="210" t="s">
        <v>114</v>
      </c>
      <c r="C33" s="300" t="s">
        <v>132</v>
      </c>
      <c r="D33" s="301"/>
      <c r="E33" s="301"/>
      <c r="F33" s="302"/>
      <c r="G33" s="220"/>
      <c r="H33" s="226"/>
    </row>
    <row r="34" spans="2:8" s="43" customFormat="1" ht="30" customHeight="1">
      <c r="B34" s="210" t="s">
        <v>115</v>
      </c>
      <c r="C34" s="300" t="s">
        <v>127</v>
      </c>
      <c r="D34" s="301"/>
      <c r="E34" s="301"/>
      <c r="F34" s="302"/>
      <c r="G34" s="220"/>
      <c r="H34" s="226"/>
    </row>
    <row r="35" spans="2:8" s="43" customFormat="1" ht="30" customHeight="1">
      <c r="B35" s="210" t="s">
        <v>116</v>
      </c>
      <c r="C35" s="300" t="s">
        <v>128</v>
      </c>
      <c r="D35" s="301"/>
      <c r="E35" s="301"/>
      <c r="F35" s="302"/>
      <c r="G35" s="220"/>
      <c r="H35" s="226"/>
    </row>
    <row r="36" spans="2:8" s="43" customFormat="1" ht="39.75" customHeight="1">
      <c r="B36" s="214" t="s">
        <v>29</v>
      </c>
      <c r="C36" s="317" t="s">
        <v>133</v>
      </c>
      <c r="D36" s="318"/>
      <c r="E36" s="318"/>
      <c r="F36" s="319"/>
      <c r="G36" s="220"/>
      <c r="H36" s="227"/>
    </row>
    <row r="37" spans="2:8" s="43" customFormat="1" ht="24.75" customHeight="1">
      <c r="B37" s="314" t="s">
        <v>110</v>
      </c>
      <c r="C37" s="315"/>
      <c r="D37" s="315"/>
      <c r="E37" s="315"/>
      <c r="F37" s="315"/>
      <c r="G37" s="315"/>
      <c r="H37" s="316"/>
    </row>
    <row r="38" spans="2:8" s="43" customFormat="1" ht="30" customHeight="1">
      <c r="B38" s="215" t="s">
        <v>0</v>
      </c>
      <c r="C38" s="320" t="s">
        <v>134</v>
      </c>
      <c r="D38" s="321"/>
      <c r="E38" s="321"/>
      <c r="F38" s="322"/>
      <c r="G38" s="223"/>
      <c r="H38" s="229"/>
    </row>
    <row r="39" spans="2:8" s="43" customFormat="1" ht="30" customHeight="1">
      <c r="B39" s="208" t="s">
        <v>1</v>
      </c>
      <c r="C39" s="300" t="s">
        <v>118</v>
      </c>
      <c r="D39" s="301"/>
      <c r="E39" s="301"/>
      <c r="F39" s="302"/>
      <c r="G39" s="222"/>
      <c r="H39" s="211"/>
    </row>
    <row r="40" spans="2:8" s="43" customFormat="1" ht="30" customHeight="1">
      <c r="B40" s="210" t="s">
        <v>111</v>
      </c>
      <c r="C40" s="300" t="s">
        <v>119</v>
      </c>
      <c r="D40" s="301"/>
      <c r="E40" s="301"/>
      <c r="F40" s="302"/>
      <c r="G40" s="222"/>
      <c r="H40" s="211"/>
    </row>
    <row r="41" spans="2:8" s="43" customFormat="1" ht="30" customHeight="1">
      <c r="B41" s="208" t="s">
        <v>2</v>
      </c>
      <c r="C41" s="300" t="s">
        <v>135</v>
      </c>
      <c r="D41" s="301"/>
      <c r="E41" s="301"/>
      <c r="F41" s="302"/>
      <c r="G41" s="222"/>
      <c r="H41" s="212"/>
    </row>
    <row r="42" spans="2:8" s="43" customFormat="1" ht="30" customHeight="1">
      <c r="B42" s="208" t="s">
        <v>3</v>
      </c>
      <c r="C42" s="300" t="s">
        <v>136</v>
      </c>
      <c r="D42" s="301"/>
      <c r="E42" s="301"/>
      <c r="F42" s="302"/>
      <c r="G42" s="235"/>
      <c r="H42" s="211"/>
    </row>
    <row r="43" spans="2:8" s="43" customFormat="1" ht="30" customHeight="1">
      <c r="B43" s="208" t="s">
        <v>4</v>
      </c>
      <c r="C43" s="300" t="s">
        <v>122</v>
      </c>
      <c r="D43" s="301"/>
      <c r="E43" s="301"/>
      <c r="F43" s="302"/>
      <c r="G43" s="223"/>
      <c r="H43" s="212"/>
    </row>
    <row r="44" spans="2:8" s="43" customFormat="1" ht="30" customHeight="1">
      <c r="B44" s="210" t="s">
        <v>112</v>
      </c>
      <c r="C44" s="300" t="s">
        <v>131</v>
      </c>
      <c r="D44" s="301"/>
      <c r="E44" s="301"/>
      <c r="F44" s="302"/>
      <c r="G44" s="222"/>
      <c r="H44" s="230"/>
    </row>
    <row r="45" spans="2:8" s="43" customFormat="1" ht="30" customHeight="1">
      <c r="B45" s="208" t="s">
        <v>21</v>
      </c>
      <c r="C45" s="300" t="s">
        <v>124</v>
      </c>
      <c r="D45" s="301"/>
      <c r="E45" s="301"/>
      <c r="F45" s="302"/>
      <c r="G45" s="222"/>
      <c r="H45" s="230"/>
    </row>
    <row r="46" spans="2:8" s="43" customFormat="1" ht="30" customHeight="1">
      <c r="B46" s="210" t="s">
        <v>113</v>
      </c>
      <c r="C46" s="300" t="s">
        <v>137</v>
      </c>
      <c r="D46" s="301"/>
      <c r="E46" s="301"/>
      <c r="F46" s="302"/>
      <c r="G46" s="222"/>
      <c r="H46" s="230"/>
    </row>
    <row r="47" spans="2:8" s="43" customFormat="1" ht="30" customHeight="1">
      <c r="B47" s="210" t="s">
        <v>114</v>
      </c>
      <c r="C47" s="300" t="s">
        <v>138</v>
      </c>
      <c r="D47" s="301"/>
      <c r="E47" s="301"/>
      <c r="F47" s="302"/>
      <c r="G47" s="222"/>
      <c r="H47" s="211"/>
    </row>
    <row r="48" spans="2:8" s="43" customFormat="1" ht="30" customHeight="1">
      <c r="B48" s="210" t="s">
        <v>115</v>
      </c>
      <c r="C48" s="300" t="s">
        <v>127</v>
      </c>
      <c r="D48" s="301"/>
      <c r="E48" s="301"/>
      <c r="F48" s="302"/>
      <c r="G48" s="222"/>
      <c r="H48" s="212"/>
    </row>
    <row r="49" spans="2:8" s="43" customFormat="1" ht="30" customHeight="1">
      <c r="B49" s="210" t="s">
        <v>116</v>
      </c>
      <c r="C49" s="300" t="s">
        <v>128</v>
      </c>
      <c r="D49" s="301"/>
      <c r="E49" s="301"/>
      <c r="F49" s="302"/>
      <c r="G49" s="233"/>
      <c r="H49" s="230"/>
    </row>
    <row r="50" spans="2:8" s="43" customFormat="1" ht="41.25" customHeight="1">
      <c r="B50" s="214" t="s">
        <v>29</v>
      </c>
      <c r="C50" s="317" t="s">
        <v>139</v>
      </c>
      <c r="D50" s="318"/>
      <c r="E50" s="318"/>
      <c r="F50" s="319"/>
      <c r="G50" s="223"/>
      <c r="H50" s="213"/>
    </row>
    <row r="51" spans="2:8" s="43" customFormat="1" ht="24.75" customHeight="1">
      <c r="B51" s="338" t="s">
        <v>140</v>
      </c>
      <c r="C51" s="339"/>
      <c r="D51" s="339"/>
      <c r="E51" s="339"/>
      <c r="F51" s="339"/>
      <c r="G51" s="339"/>
      <c r="H51" s="340"/>
    </row>
    <row r="52" spans="2:8" s="43" customFormat="1" ht="30" customHeight="1">
      <c r="B52" s="217" t="s">
        <v>0</v>
      </c>
      <c r="C52" s="320" t="s">
        <v>141</v>
      </c>
      <c r="D52" s="321"/>
      <c r="E52" s="321"/>
      <c r="F52" s="322"/>
      <c r="G52" s="233"/>
      <c r="H52" s="209"/>
    </row>
    <row r="53" spans="2:8" s="43" customFormat="1" ht="30" customHeight="1">
      <c r="B53" s="218" t="s">
        <v>1</v>
      </c>
      <c r="C53" s="300" t="s">
        <v>142</v>
      </c>
      <c r="D53" s="301"/>
      <c r="E53" s="301"/>
      <c r="F53" s="302"/>
      <c r="G53" s="220"/>
      <c r="H53" s="231"/>
    </row>
    <row r="54" spans="2:8" s="43" customFormat="1" ht="30" customHeight="1">
      <c r="B54" s="218" t="s">
        <v>2</v>
      </c>
      <c r="C54" s="300" t="s">
        <v>143</v>
      </c>
      <c r="D54" s="301"/>
      <c r="E54" s="301"/>
      <c r="F54" s="302"/>
      <c r="G54" s="220"/>
      <c r="H54" s="231"/>
    </row>
    <row r="55" spans="2:8" s="43" customFormat="1" ht="30" customHeight="1">
      <c r="B55" s="218" t="s">
        <v>3</v>
      </c>
      <c r="C55" s="300" t="s">
        <v>144</v>
      </c>
      <c r="D55" s="301"/>
      <c r="E55" s="301"/>
      <c r="F55" s="302"/>
      <c r="G55" s="220"/>
      <c r="H55" s="231"/>
    </row>
    <row r="56" spans="2:8" s="43" customFormat="1" ht="30" customHeight="1">
      <c r="B56" s="218" t="s">
        <v>4</v>
      </c>
      <c r="C56" s="300" t="s">
        <v>145</v>
      </c>
      <c r="D56" s="301"/>
      <c r="E56" s="301"/>
      <c r="F56" s="302"/>
      <c r="G56" s="220"/>
      <c r="H56" s="231"/>
    </row>
    <row r="57" spans="2:8" s="43" customFormat="1" ht="30" customHeight="1">
      <c r="B57" s="218" t="s">
        <v>21</v>
      </c>
      <c r="C57" s="300" t="s">
        <v>146</v>
      </c>
      <c r="D57" s="301"/>
      <c r="E57" s="301"/>
      <c r="F57" s="302"/>
      <c r="G57" s="220"/>
      <c r="H57" s="231"/>
    </row>
    <row r="58" spans="2:8" s="43" customFormat="1" ht="30" customHeight="1">
      <c r="B58" s="218" t="s">
        <v>29</v>
      </c>
      <c r="C58" s="300" t="s">
        <v>147</v>
      </c>
      <c r="D58" s="301"/>
      <c r="E58" s="301"/>
      <c r="F58" s="302"/>
      <c r="G58" s="220"/>
      <c r="H58" s="231"/>
    </row>
    <row r="59" spans="2:8" s="43" customFormat="1" ht="30" customHeight="1" thickBot="1">
      <c r="B59" s="219" t="s">
        <v>39</v>
      </c>
      <c r="C59" s="311" t="s">
        <v>148</v>
      </c>
      <c r="D59" s="312"/>
      <c r="E59" s="312"/>
      <c r="F59" s="313"/>
      <c r="G59" s="234"/>
      <c r="H59" s="232"/>
    </row>
    <row r="60" spans="2:8" s="40" customFormat="1" ht="15" customHeight="1">
      <c r="B60" s="44"/>
      <c r="C60" s="45"/>
      <c r="D60" s="44"/>
      <c r="E60" s="45"/>
      <c r="F60" s="44"/>
      <c r="G60" s="46"/>
      <c r="H60" s="44"/>
    </row>
    <row r="61" spans="2:8" s="40" customFormat="1" ht="9.75" customHeight="1">
      <c r="B61" s="44"/>
      <c r="C61" s="45"/>
      <c r="D61" s="44"/>
      <c r="E61" s="45"/>
      <c r="F61" s="44"/>
      <c r="G61" s="46"/>
      <c r="H61" s="44"/>
    </row>
    <row r="62" spans="2:8" s="40" customFormat="1" ht="15" customHeight="1">
      <c r="B62" s="306" t="s">
        <v>34</v>
      </c>
      <c r="C62" s="306"/>
      <c r="D62" s="306"/>
      <c r="E62" s="306"/>
      <c r="F62" s="306"/>
      <c r="G62" s="306"/>
      <c r="H62" s="306"/>
    </row>
    <row r="63" spans="2:8" s="40" customFormat="1" ht="15" customHeight="1">
      <c r="B63" s="307" t="s">
        <v>49</v>
      </c>
      <c r="C63" s="307"/>
      <c r="D63" s="307"/>
      <c r="E63" s="307"/>
      <c r="F63" s="47" t="str">
        <f>IF('Príloha č.1'!$D$6="","",'Príloha č.1'!$D$6)</f>
        <v/>
      </c>
      <c r="G63" s="48"/>
    </row>
    <row r="64" spans="2:8" s="40" customFormat="1" ht="15" customHeight="1">
      <c r="B64" s="303" t="s">
        <v>50</v>
      </c>
      <c r="C64" s="303"/>
      <c r="D64" s="303"/>
      <c r="E64" s="303"/>
      <c r="F64" s="134" t="str">
        <f>IF('Príloha č.1'!$D$7="","",'Príloha č.1'!$D$7)</f>
        <v/>
      </c>
      <c r="G64" s="49"/>
    </row>
    <row r="65" spans="2:8" s="40" customFormat="1" ht="15" customHeight="1">
      <c r="B65" s="303" t="s">
        <v>7</v>
      </c>
      <c r="C65" s="303"/>
      <c r="D65" s="303"/>
      <c r="E65" s="303"/>
      <c r="F65" s="134" t="str">
        <f>IF('Príloha č.1'!$D$8="","",'Príloha č.1'!$D$8)</f>
        <v/>
      </c>
      <c r="G65" s="49"/>
    </row>
    <row r="66" spans="2:8" s="40" customFormat="1" ht="15" customHeight="1">
      <c r="B66" s="303" t="s">
        <v>8</v>
      </c>
      <c r="C66" s="303"/>
      <c r="D66" s="303"/>
      <c r="E66" s="303"/>
      <c r="F66" s="134" t="str">
        <f>IF('Príloha č.1'!$D$9="","",'Príloha č.1'!$D$9)</f>
        <v/>
      </c>
      <c r="G66" s="49"/>
    </row>
    <row r="67" spans="2:8" s="37" customFormat="1" ht="15" customHeight="1">
      <c r="B67" s="135"/>
      <c r="C67" s="135"/>
      <c r="D67" s="135"/>
      <c r="E67" s="135"/>
      <c r="F67" s="40"/>
      <c r="G67" s="40"/>
      <c r="H67" s="40"/>
    </row>
    <row r="68" spans="2:8" s="37" customFormat="1" ht="15" customHeight="1">
      <c r="B68" s="135"/>
      <c r="C68" s="135"/>
      <c r="D68" s="135"/>
      <c r="E68" s="135"/>
      <c r="F68" s="40"/>
      <c r="G68" s="40"/>
      <c r="H68" s="40"/>
    </row>
    <row r="69" spans="2:8" s="52" customFormat="1" ht="15" customHeight="1">
      <c r="B69" s="37" t="s">
        <v>12</v>
      </c>
      <c r="C69" s="304" t="str">
        <f>IF('Príloha č.1'!C19:C19="","",'Príloha č.1'!C19:C19)</f>
        <v/>
      </c>
      <c r="D69" s="304" t="s">
        <v>35</v>
      </c>
      <c r="E69" s="304" t="s">
        <v>35</v>
      </c>
      <c r="F69" s="37"/>
      <c r="G69" s="37"/>
      <c r="H69" s="37"/>
    </row>
    <row r="70" spans="2:8" s="52" customFormat="1" ht="15" customHeight="1">
      <c r="B70" s="37" t="s">
        <v>20</v>
      </c>
      <c r="C70" s="305" t="str">
        <f>IF('Príloha č.1'!C20:C20="","",'Príloha č.1'!C20:C20)</f>
        <v/>
      </c>
      <c r="D70" s="305" t="s">
        <v>35</v>
      </c>
      <c r="E70" s="305" t="s">
        <v>35</v>
      </c>
      <c r="F70" s="37"/>
      <c r="G70" s="51"/>
      <c r="H70" s="36"/>
    </row>
    <row r="71" spans="2:8" s="52" customFormat="1" ht="38.25" customHeight="1">
      <c r="B71" s="37"/>
      <c r="C71" s="37"/>
      <c r="D71" s="37"/>
      <c r="E71" s="37"/>
      <c r="F71" s="37"/>
      <c r="G71" s="37"/>
      <c r="H71" s="36"/>
    </row>
    <row r="72" spans="2:8" s="56" customFormat="1" ht="15" customHeight="1">
      <c r="B72" s="37"/>
      <c r="C72" s="50"/>
      <c r="D72" s="37"/>
      <c r="E72" s="50"/>
      <c r="F72" s="53" t="s">
        <v>22</v>
      </c>
      <c r="G72" s="47" t="str">
        <f>IF('Príloha č.1'!E23="","",'Príloha č.1'!E23)</f>
        <v/>
      </c>
      <c r="H72" s="37"/>
    </row>
    <row r="73" spans="2:8" ht="15" customHeight="1">
      <c r="B73" s="52" t="s">
        <v>14</v>
      </c>
      <c r="C73" s="52"/>
      <c r="D73" s="52"/>
      <c r="E73" s="52"/>
      <c r="F73" s="54"/>
      <c r="G73" s="55" t="s">
        <v>23</v>
      </c>
      <c r="H73" s="52"/>
    </row>
    <row r="74" spans="2:8" ht="12.75" customHeight="1">
      <c r="B74" s="57"/>
      <c r="C74" s="58" t="s">
        <v>15</v>
      </c>
      <c r="D74" s="135"/>
      <c r="E74" s="135"/>
      <c r="F74" s="135"/>
      <c r="G74" s="135"/>
      <c r="H74" s="135"/>
    </row>
    <row r="75" spans="2:8">
      <c r="B75" s="59"/>
      <c r="C75" s="60"/>
      <c r="D75" s="56"/>
      <c r="E75" s="60"/>
      <c r="F75" s="56"/>
      <c r="G75" s="61"/>
      <c r="H75" s="56"/>
    </row>
    <row r="80" spans="2:8">
      <c r="H80" s="44" t="s">
        <v>33</v>
      </c>
    </row>
  </sheetData>
  <mergeCells count="63">
    <mergeCell ref="C55:F55"/>
    <mergeCell ref="C56:F56"/>
    <mergeCell ref="B51:H51"/>
    <mergeCell ref="C49:F49"/>
    <mergeCell ref="C50:F50"/>
    <mergeCell ref="C52:F52"/>
    <mergeCell ref="C53:F53"/>
    <mergeCell ref="C54:F54"/>
    <mergeCell ref="C29:F29"/>
    <mergeCell ref="C32:F32"/>
    <mergeCell ref="C33:F33"/>
    <mergeCell ref="C34:F34"/>
    <mergeCell ref="C39:F39"/>
    <mergeCell ref="C36:F36"/>
    <mergeCell ref="C38:F38"/>
    <mergeCell ref="C19:F19"/>
    <mergeCell ref="C25:F25"/>
    <mergeCell ref="C26:F26"/>
    <mergeCell ref="C27:F27"/>
    <mergeCell ref="C28:F28"/>
    <mergeCell ref="C11:F11"/>
    <mergeCell ref="C12:F12"/>
    <mergeCell ref="C13:F13"/>
    <mergeCell ref="C14:F14"/>
    <mergeCell ref="C15:F15"/>
    <mergeCell ref="B9:H9"/>
    <mergeCell ref="B2:H2"/>
    <mergeCell ref="B4:H4"/>
    <mergeCell ref="B5:H5"/>
    <mergeCell ref="B7:F8"/>
    <mergeCell ref="G7:H7"/>
    <mergeCell ref="C10:F10"/>
    <mergeCell ref="C16:F16"/>
    <mergeCell ref="C17:F17"/>
    <mergeCell ref="C59:F59"/>
    <mergeCell ref="B23:H23"/>
    <mergeCell ref="B37:H37"/>
    <mergeCell ref="C18:F18"/>
    <mergeCell ref="C20:F20"/>
    <mergeCell ref="C21:F21"/>
    <mergeCell ref="C22:F22"/>
    <mergeCell ref="C24:F24"/>
    <mergeCell ref="C30:F30"/>
    <mergeCell ref="C31:F31"/>
    <mergeCell ref="C57:F57"/>
    <mergeCell ref="C58:F58"/>
    <mergeCell ref="C35:F35"/>
    <mergeCell ref="B66:E66"/>
    <mergeCell ref="C69:E69"/>
    <mergeCell ref="C70:E70"/>
    <mergeCell ref="B62:H62"/>
    <mergeCell ref="B63:E63"/>
    <mergeCell ref="B64:E64"/>
    <mergeCell ref="B65:E65"/>
    <mergeCell ref="C45:F45"/>
    <mergeCell ref="C46:F46"/>
    <mergeCell ref="C47:F47"/>
    <mergeCell ref="C48:F48"/>
    <mergeCell ref="C40:F40"/>
    <mergeCell ref="C41:F41"/>
    <mergeCell ref="C42:F42"/>
    <mergeCell ref="C43:F43"/>
    <mergeCell ref="C44:F44"/>
  </mergeCells>
  <conditionalFormatting sqref="C69:E70">
    <cfRule type="containsBlanks" dxfId="9" priority="5">
      <formula>LEN(TRIM(C69))=0</formula>
    </cfRule>
  </conditionalFormatting>
  <conditionalFormatting sqref="F63:F66">
    <cfRule type="containsBlanks" dxfId="8" priority="4">
      <formula>LEN(TRIM(F63))=0</formula>
    </cfRule>
  </conditionalFormatting>
  <conditionalFormatting sqref="G72">
    <cfRule type="containsBlanks" dxfId="7" priority="3">
      <formula>LEN(TRIM(G72))=0</formula>
    </cfRule>
  </conditionalFormatting>
  <conditionalFormatting sqref="G10:G22 G24:G36 G38:G50 G52:G59">
    <cfRule type="containsBlanks" dxfId="6" priority="1">
      <formula>LEN(TRIM(G10))=0</formula>
    </cfRule>
  </conditionalFormatting>
  <pageMargins left="0.78740157480314965" right="0.78740157480314965" top="0.98425196850393704" bottom="0.78740157480314965" header="0.31496062992125984" footer="0.11811023622047245"/>
  <pageSetup paperSize="9" scale="71" fitToHeight="0" orientation="portrait" r:id="rId1"/>
  <headerFooter>
    <oddHeader>&amp;L&amp;"Arial,Tučné"&amp;9Príloha č. 8&amp;K01+000 Výzvy na predkladanie ponúk &amp;"Arial,Normálne"&amp;K000000
Špecifikácia predmetu zákazky</oddHeader>
    <oddFooter>&amp;C&amp;"Arial,Normálne"&amp;8Strana &amp;P z &amp;N</oddFooter>
  </headerFooter>
  <rowBreaks count="1" manualBreakCount="1">
    <brk id="34" max="7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B1:P39"/>
  <sheetViews>
    <sheetView showGridLines="0" zoomScaleNormal="100" zoomScalePageLayoutView="70" workbookViewId="0">
      <selection activeCell="B2" sqref="B2:I2"/>
    </sheetView>
  </sheetViews>
  <sheetFormatPr defaultColWidth="9.140625" defaultRowHeight="12"/>
  <cols>
    <col min="1" max="1" width="2.7109375" style="80" customWidth="1"/>
    <col min="2" max="2" width="5.28515625" style="80" customWidth="1"/>
    <col min="3" max="3" width="40.7109375" style="80" customWidth="1"/>
    <col min="4" max="4" width="9.7109375" style="80" customWidth="1"/>
    <col min="5" max="5" width="13.85546875" style="80" customWidth="1"/>
    <col min="6" max="12" width="12.7109375" style="80" customWidth="1"/>
    <col min="13" max="16" width="13.7109375" style="80" customWidth="1"/>
    <col min="17" max="16384" width="9.140625" style="80"/>
  </cols>
  <sheetData>
    <row r="1" spans="2:16" s="5" customFormat="1" ht="20.100000000000001" customHeight="1">
      <c r="B1" s="236" t="s">
        <v>5</v>
      </c>
      <c r="C1" s="236"/>
    </row>
    <row r="2" spans="2:16" s="11" customFormat="1" ht="30" customHeight="1">
      <c r="B2" s="246" t="str">
        <f>'Príloha č.1'!B2:E2</f>
        <v>Drenážne katétre</v>
      </c>
      <c r="C2" s="247"/>
      <c r="D2" s="247"/>
      <c r="E2" s="247"/>
      <c r="F2" s="247"/>
      <c r="G2" s="247"/>
      <c r="H2" s="247"/>
      <c r="I2" s="248"/>
    </row>
    <row r="3" spans="2:16" ht="45" customHeight="1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16" ht="18.95" customHeight="1">
      <c r="B4" s="355" t="s">
        <v>97</v>
      </c>
      <c r="C4" s="355"/>
      <c r="D4" s="355"/>
      <c r="E4" s="355"/>
      <c r="F4" s="355"/>
      <c r="G4" s="355"/>
      <c r="H4" s="355"/>
      <c r="I4" s="355"/>
      <c r="J4" s="355"/>
      <c r="K4" s="355"/>
      <c r="L4" s="355"/>
    </row>
    <row r="5" spans="2:16" ht="18.95" customHeight="1">
      <c r="B5" s="356"/>
      <c r="C5" s="356"/>
      <c r="D5" s="188"/>
      <c r="E5" s="188"/>
      <c r="F5" s="188"/>
      <c r="G5" s="188"/>
      <c r="H5" s="188"/>
      <c r="I5" s="188"/>
      <c r="J5" s="188"/>
      <c r="K5" s="187"/>
      <c r="L5" s="187"/>
      <c r="M5" s="187"/>
      <c r="N5" s="187"/>
      <c r="O5" s="187"/>
      <c r="P5" s="139"/>
    </row>
    <row r="6" spans="2:16" ht="40.5" customHeight="1">
      <c r="B6" s="357" t="s">
        <v>30</v>
      </c>
      <c r="C6" s="359" t="s">
        <v>40</v>
      </c>
      <c r="D6" s="357" t="s">
        <v>78</v>
      </c>
      <c r="E6" s="361" t="s">
        <v>102</v>
      </c>
      <c r="F6" s="361" t="s">
        <v>77</v>
      </c>
      <c r="G6" s="345" t="s">
        <v>87</v>
      </c>
      <c r="H6" s="345" t="s">
        <v>75</v>
      </c>
      <c r="I6" s="345" t="s">
        <v>91</v>
      </c>
      <c r="J6" s="186" t="s">
        <v>76</v>
      </c>
      <c r="K6" s="347" t="s">
        <v>90</v>
      </c>
      <c r="L6" s="348"/>
      <c r="M6" s="348"/>
      <c r="N6" s="349"/>
      <c r="O6" s="348" t="s">
        <v>89</v>
      </c>
      <c r="P6" s="349"/>
    </row>
    <row r="7" spans="2:16" ht="33" customHeight="1">
      <c r="B7" s="358"/>
      <c r="C7" s="360"/>
      <c r="D7" s="358"/>
      <c r="E7" s="362"/>
      <c r="F7" s="362"/>
      <c r="G7" s="346"/>
      <c r="H7" s="346"/>
      <c r="I7" s="346"/>
      <c r="J7" s="185"/>
      <c r="K7" s="184" t="s">
        <v>44</v>
      </c>
      <c r="L7" s="183" t="s">
        <v>45</v>
      </c>
      <c r="M7" s="182" t="s">
        <v>88</v>
      </c>
      <c r="N7" s="181" t="s">
        <v>46</v>
      </c>
      <c r="O7" s="180" t="s">
        <v>44</v>
      </c>
      <c r="P7" s="179" t="s">
        <v>46</v>
      </c>
    </row>
    <row r="8" spans="2:16" ht="18.95" customHeight="1">
      <c r="B8" s="193" t="s">
        <v>0</v>
      </c>
      <c r="C8" s="178" t="s">
        <v>1</v>
      </c>
      <c r="D8" s="193" t="s">
        <v>2</v>
      </c>
      <c r="E8" s="193" t="s">
        <v>3</v>
      </c>
      <c r="F8" s="194" t="s">
        <v>4</v>
      </c>
      <c r="G8" s="194" t="s">
        <v>21</v>
      </c>
      <c r="H8" s="195" t="s">
        <v>29</v>
      </c>
      <c r="I8" s="195" t="s">
        <v>39</v>
      </c>
      <c r="J8" s="195" t="s">
        <v>28</v>
      </c>
      <c r="K8" s="195" t="s">
        <v>27</v>
      </c>
      <c r="L8" s="195" t="s">
        <v>26</v>
      </c>
      <c r="M8" s="196" t="s">
        <v>25</v>
      </c>
      <c r="N8" s="196" t="s">
        <v>41</v>
      </c>
      <c r="O8" s="196" t="s">
        <v>42</v>
      </c>
      <c r="P8" s="196">
        <v>15</v>
      </c>
    </row>
    <row r="9" spans="2:16" ht="30" customHeight="1">
      <c r="B9" s="199" t="s">
        <v>0</v>
      </c>
      <c r="C9" s="207" t="s">
        <v>98</v>
      </c>
      <c r="D9" s="199" t="s">
        <v>92</v>
      </c>
      <c r="E9" s="200">
        <v>1980</v>
      </c>
      <c r="F9" s="177"/>
      <c r="G9" s="177"/>
      <c r="H9" s="177"/>
      <c r="I9" s="177"/>
      <c r="J9" s="177"/>
      <c r="K9" s="176"/>
      <c r="L9" s="175"/>
      <c r="M9" s="201">
        <f>K9*L9</f>
        <v>0</v>
      </c>
      <c r="N9" s="201">
        <f>K9+M9</f>
        <v>0</v>
      </c>
      <c r="O9" s="201">
        <f>E9*K9</f>
        <v>0</v>
      </c>
      <c r="P9" s="201">
        <f>E9*N9</f>
        <v>0</v>
      </c>
    </row>
    <row r="10" spans="2:16" ht="30" customHeight="1">
      <c r="B10" s="199" t="s">
        <v>1</v>
      </c>
      <c r="C10" s="207" t="s">
        <v>99</v>
      </c>
      <c r="D10" s="199" t="s">
        <v>92</v>
      </c>
      <c r="E10" s="200">
        <v>1815</v>
      </c>
      <c r="F10" s="177"/>
      <c r="G10" s="177"/>
      <c r="H10" s="177"/>
      <c r="I10" s="177"/>
      <c r="J10" s="177"/>
      <c r="K10" s="176"/>
      <c r="L10" s="175"/>
      <c r="M10" s="201">
        <f t="shared" ref="M10:M12" si="0">K10*L10</f>
        <v>0</v>
      </c>
      <c r="N10" s="201">
        <f t="shared" ref="N10:N12" si="1">K10+M10</f>
        <v>0</v>
      </c>
      <c r="O10" s="201">
        <f t="shared" ref="O10:O12" si="2">E10*K10</f>
        <v>0</v>
      </c>
      <c r="P10" s="201">
        <f t="shared" ref="P10:P12" si="3">E10*N10</f>
        <v>0</v>
      </c>
    </row>
    <row r="11" spans="2:16" ht="30" customHeight="1">
      <c r="B11" s="199" t="s">
        <v>2</v>
      </c>
      <c r="C11" s="207" t="s">
        <v>100</v>
      </c>
      <c r="D11" s="199" t="s">
        <v>92</v>
      </c>
      <c r="E11" s="200">
        <v>90</v>
      </c>
      <c r="F11" s="177"/>
      <c r="G11" s="177"/>
      <c r="H11" s="177"/>
      <c r="I11" s="177"/>
      <c r="J11" s="177"/>
      <c r="K11" s="176"/>
      <c r="L11" s="175"/>
      <c r="M11" s="201">
        <f t="shared" si="0"/>
        <v>0</v>
      </c>
      <c r="N11" s="201">
        <f t="shared" si="1"/>
        <v>0</v>
      </c>
      <c r="O11" s="201">
        <f t="shared" si="2"/>
        <v>0</v>
      </c>
      <c r="P11" s="201">
        <f t="shared" si="3"/>
        <v>0</v>
      </c>
    </row>
    <row r="12" spans="2:16" ht="30" customHeight="1">
      <c r="B12" s="199" t="s">
        <v>3</v>
      </c>
      <c r="C12" s="207" t="s">
        <v>101</v>
      </c>
      <c r="D12" s="199" t="s">
        <v>92</v>
      </c>
      <c r="E12" s="200">
        <v>1239</v>
      </c>
      <c r="F12" s="177"/>
      <c r="G12" s="177"/>
      <c r="H12" s="177"/>
      <c r="I12" s="177"/>
      <c r="J12" s="177"/>
      <c r="K12" s="176"/>
      <c r="L12" s="175"/>
      <c r="M12" s="201">
        <f t="shared" si="0"/>
        <v>0</v>
      </c>
      <c r="N12" s="201">
        <f t="shared" si="1"/>
        <v>0</v>
      </c>
      <c r="O12" s="201">
        <f t="shared" si="2"/>
        <v>0</v>
      </c>
      <c r="P12" s="201">
        <f t="shared" si="3"/>
        <v>0</v>
      </c>
    </row>
    <row r="13" spans="2:16" ht="27.75" customHeight="1" thickBot="1">
      <c r="B13" s="174"/>
      <c r="C13" s="172"/>
      <c r="D13" s="172"/>
      <c r="E13" s="172"/>
      <c r="F13" s="172"/>
      <c r="G13" s="173"/>
      <c r="H13" s="173"/>
      <c r="I13" s="173"/>
      <c r="J13" s="173"/>
      <c r="K13" s="172"/>
      <c r="L13" s="172"/>
      <c r="M13" s="352" t="s">
        <v>103</v>
      </c>
      <c r="N13" s="353"/>
      <c r="O13" s="197">
        <f>SUM(O9:O12)</f>
        <v>0</v>
      </c>
      <c r="P13" s="198">
        <f>SUM(P9:P12)</f>
        <v>0</v>
      </c>
    </row>
    <row r="14" spans="2:16" ht="19.5" customHeight="1">
      <c r="B14" s="350" t="s">
        <v>34</v>
      </c>
      <c r="C14" s="350"/>
      <c r="D14" s="350"/>
      <c r="E14" s="350"/>
      <c r="F14" s="350"/>
      <c r="G14" s="136"/>
      <c r="H14" s="136"/>
      <c r="I14" s="136"/>
      <c r="J14" s="66"/>
      <c r="K14" s="66"/>
      <c r="L14" s="66"/>
    </row>
    <row r="15" spans="2:16" ht="24.95" customHeight="1">
      <c r="B15" s="65"/>
      <c r="C15" s="66"/>
      <c r="D15" s="66"/>
      <c r="E15" s="66"/>
      <c r="F15" s="136"/>
      <c r="G15" s="136"/>
      <c r="H15" s="136"/>
      <c r="I15" s="136"/>
      <c r="J15" s="133"/>
      <c r="K15" s="341"/>
      <c r="L15" s="341"/>
    </row>
    <row r="16" spans="2:16" ht="15" customHeight="1">
      <c r="B16" s="343" t="s">
        <v>49</v>
      </c>
      <c r="C16" s="343"/>
      <c r="D16" s="351" t="str">
        <f>IF('Príloha č.1'!$D$6="","",'Príloha č.1'!$D$6)</f>
        <v/>
      </c>
      <c r="E16" s="351"/>
      <c r="F16" s="351"/>
      <c r="G16" s="136"/>
      <c r="H16" s="136"/>
      <c r="I16" s="136"/>
      <c r="J16" s="133"/>
      <c r="K16" s="341"/>
      <c r="L16" s="341"/>
    </row>
    <row r="17" spans="2:13" ht="15" customHeight="1">
      <c r="B17" s="343" t="s">
        <v>50</v>
      </c>
      <c r="C17" s="343"/>
      <c r="D17" s="344" t="str">
        <f>IF('Príloha č.1'!$D$7="","",'Príloha č.1'!$D$7)</f>
        <v/>
      </c>
      <c r="E17" s="344"/>
      <c r="F17" s="344"/>
      <c r="G17" s="136"/>
      <c r="H17" s="136"/>
      <c r="I17" s="136"/>
      <c r="J17" s="133"/>
      <c r="K17" s="341"/>
      <c r="L17" s="341"/>
    </row>
    <row r="18" spans="2:13" ht="15" customHeight="1">
      <c r="B18" s="343" t="s">
        <v>7</v>
      </c>
      <c r="C18" s="343"/>
      <c r="D18" s="344" t="str">
        <f>IF('Príloha č.1'!$D$8="","",'Príloha č.1'!$D$8)</f>
        <v/>
      </c>
      <c r="E18" s="344"/>
      <c r="F18" s="344"/>
      <c r="G18" s="136"/>
      <c r="H18" s="136"/>
      <c r="I18" s="136"/>
      <c r="J18" s="133"/>
      <c r="K18" s="341"/>
      <c r="L18" s="341"/>
    </row>
    <row r="19" spans="2:13" ht="15" customHeight="1">
      <c r="B19" s="343" t="s">
        <v>8</v>
      </c>
      <c r="C19" s="343"/>
      <c r="D19" s="344" t="str">
        <f>IF('Príloha č.1'!$D$9="","",'Príloha č.1'!$D$9)</f>
        <v/>
      </c>
      <c r="E19" s="344"/>
      <c r="F19" s="344"/>
      <c r="G19" s="136"/>
      <c r="H19" s="136"/>
      <c r="I19" s="136"/>
      <c r="J19" s="133"/>
      <c r="K19" s="341"/>
      <c r="L19" s="341"/>
    </row>
    <row r="20" spans="2:13" ht="15" customHeight="1">
      <c r="B20" s="64"/>
      <c r="C20" s="64"/>
      <c r="D20" s="64"/>
      <c r="E20" s="64"/>
      <c r="F20" s="77"/>
      <c r="G20" s="77"/>
      <c r="H20" s="136"/>
      <c r="I20" s="136"/>
      <c r="J20" s="133"/>
      <c r="K20" s="341"/>
      <c r="L20" s="341"/>
    </row>
    <row r="21" spans="2:13" ht="15" customHeight="1">
      <c r="B21" s="67" t="s">
        <v>12</v>
      </c>
      <c r="C21" s="137" t="str">
        <f>IF('Príloha č.1'!C19:C19="","",'Príloha č.1'!C19:C19)</f>
        <v/>
      </c>
      <c r="D21" s="78"/>
      <c r="E21" s="68"/>
      <c r="F21" s="68"/>
      <c r="G21" s="68"/>
      <c r="H21" s="136"/>
      <c r="I21" s="136"/>
      <c r="J21" s="133"/>
      <c r="K21" s="341"/>
      <c r="L21" s="341"/>
    </row>
    <row r="22" spans="2:13" ht="15" customHeight="1">
      <c r="B22" s="67" t="s">
        <v>20</v>
      </c>
      <c r="C22" s="88" t="str">
        <f>IF('Príloha č.1'!C20:C20="","",'Príloha č.1'!C20:C20)</f>
        <v/>
      </c>
      <c r="D22" s="64"/>
      <c r="E22" s="64"/>
      <c r="F22" s="64"/>
      <c r="G22" s="64"/>
      <c r="H22" s="136"/>
      <c r="I22" s="136"/>
      <c r="J22" s="133"/>
      <c r="K22" s="341"/>
      <c r="L22" s="341"/>
    </row>
    <row r="23" spans="2:13" ht="15" customHeight="1">
      <c r="D23" s="67"/>
      <c r="E23" s="67"/>
      <c r="F23" s="64"/>
      <c r="G23" s="64"/>
      <c r="H23" s="64"/>
      <c r="I23" s="136"/>
      <c r="J23" s="133"/>
      <c r="K23" s="341"/>
      <c r="L23" s="341"/>
    </row>
    <row r="24" spans="2:13" ht="15" customHeight="1">
      <c r="B24" s="65"/>
      <c r="C24" s="66"/>
      <c r="D24" s="36"/>
      <c r="E24" s="14" t="s">
        <v>22</v>
      </c>
      <c r="F24" s="87" t="str">
        <f>IF('Príloha č.1'!E23="","",'Príloha č.1'!E23)</f>
        <v/>
      </c>
      <c r="G24" s="64"/>
      <c r="H24" s="85"/>
      <c r="I24" s="136"/>
      <c r="J24" s="133"/>
      <c r="K24" s="341"/>
      <c r="L24" s="341"/>
    </row>
    <row r="25" spans="2:13" ht="24.95" customHeight="1">
      <c r="B25" s="65"/>
      <c r="C25" s="66"/>
      <c r="D25" s="36"/>
      <c r="E25" s="1"/>
      <c r="F25" s="86" t="s">
        <v>23</v>
      </c>
      <c r="G25" s="64"/>
      <c r="H25" s="85"/>
      <c r="I25" s="136"/>
      <c r="J25" s="133"/>
      <c r="K25" s="341"/>
      <c r="L25" s="341"/>
    </row>
    <row r="26" spans="2:13" ht="24.95" customHeight="1">
      <c r="B26" s="65" t="s">
        <v>14</v>
      </c>
      <c r="C26" s="66"/>
      <c r="D26" s="36"/>
      <c r="E26" s="1"/>
      <c r="F26" s="86"/>
      <c r="G26" s="64"/>
      <c r="H26" s="85"/>
      <c r="I26" s="136"/>
      <c r="J26" s="133"/>
      <c r="K26" s="341"/>
      <c r="L26" s="341"/>
    </row>
    <row r="27" spans="2:13">
      <c r="B27" s="70"/>
      <c r="C27" s="342" t="s">
        <v>15</v>
      </c>
      <c r="D27" s="343"/>
      <c r="E27" s="343"/>
      <c r="F27" s="343"/>
      <c r="G27" s="137"/>
      <c r="H27" s="67"/>
      <c r="I27" s="67"/>
      <c r="J27" s="67"/>
      <c r="K27" s="67"/>
      <c r="L27" s="67"/>
      <c r="M27" s="67"/>
    </row>
    <row r="28" spans="2:13" ht="4.5" customHeight="1" thickBot="1">
      <c r="H28" s="72"/>
      <c r="I28" s="72"/>
      <c r="J28" s="68"/>
      <c r="K28" s="68"/>
      <c r="L28" s="68"/>
    </row>
    <row r="29" spans="2:13" ht="12.75" thickBot="1">
      <c r="B29" s="73"/>
      <c r="C29" s="71" t="s">
        <v>47</v>
      </c>
      <c r="D29" s="71"/>
      <c r="E29" s="71"/>
      <c r="F29" s="72"/>
      <c r="G29" s="72"/>
      <c r="H29" s="67"/>
      <c r="I29" s="67"/>
      <c r="J29" s="67"/>
      <c r="K29" s="67"/>
      <c r="L29" s="67"/>
    </row>
    <row r="30" spans="2:13">
      <c r="H30" s="67"/>
      <c r="I30" s="67"/>
      <c r="J30" s="67"/>
      <c r="K30" s="67"/>
      <c r="L30" s="67"/>
    </row>
    <row r="31" spans="2:13" ht="12" customHeight="1">
      <c r="H31" s="77"/>
      <c r="I31" s="77"/>
      <c r="J31" s="67"/>
      <c r="K31" s="67"/>
    </row>
    <row r="32" spans="2:13">
      <c r="H32" s="77"/>
      <c r="I32" s="77"/>
      <c r="J32" s="64"/>
      <c r="K32" s="64"/>
    </row>
    <row r="33" spans="2:12">
      <c r="H33" s="77"/>
      <c r="I33" s="77"/>
      <c r="J33" s="64"/>
      <c r="K33" s="64"/>
    </row>
    <row r="34" spans="2:12">
      <c r="H34" s="77"/>
      <c r="I34" s="77"/>
      <c r="J34" s="64"/>
      <c r="K34" s="64"/>
    </row>
    <row r="35" spans="2:12">
      <c r="H35" s="68"/>
      <c r="I35" s="68"/>
      <c r="J35" s="64"/>
      <c r="K35" s="64"/>
    </row>
    <row r="36" spans="2:12">
      <c r="H36" s="137"/>
      <c r="I36" s="137"/>
      <c r="J36" s="68"/>
      <c r="K36" s="68"/>
    </row>
    <row r="37" spans="2:12" ht="4.5" customHeight="1">
      <c r="H37" s="72"/>
      <c r="I37" s="72"/>
      <c r="J37" s="68"/>
      <c r="K37" s="68"/>
      <c r="L37" s="68"/>
    </row>
    <row r="38" spans="2:12">
      <c r="H38" s="72"/>
      <c r="I38" s="72"/>
      <c r="J38" s="69"/>
      <c r="K38" s="65"/>
      <c r="L38" s="68"/>
    </row>
    <row r="39" spans="2:12">
      <c r="B39" s="343"/>
      <c r="C39" s="343"/>
      <c r="D39" s="343"/>
      <c r="E39" s="343"/>
      <c r="F39" s="343"/>
      <c r="G39" s="343"/>
      <c r="H39" s="343"/>
      <c r="I39" s="343"/>
      <c r="J39" s="343"/>
      <c r="K39" s="343"/>
      <c r="L39" s="343"/>
    </row>
  </sheetData>
  <mergeCells count="39">
    <mergeCell ref="O6:P6"/>
    <mergeCell ref="M13:N13"/>
    <mergeCell ref="B1:C1"/>
    <mergeCell ref="B2:I2"/>
    <mergeCell ref="B3:L3"/>
    <mergeCell ref="B4:L4"/>
    <mergeCell ref="B5:C5"/>
    <mergeCell ref="B6:B7"/>
    <mergeCell ref="C6:C7"/>
    <mergeCell ref="D6:D7"/>
    <mergeCell ref="E6:E7"/>
    <mergeCell ref="F6:F7"/>
    <mergeCell ref="B17:C17"/>
    <mergeCell ref="D17:F17"/>
    <mergeCell ref="K17:L17"/>
    <mergeCell ref="G6:G7"/>
    <mergeCell ref="H6:H7"/>
    <mergeCell ref="I6:I7"/>
    <mergeCell ref="K6:N6"/>
    <mergeCell ref="B14:F14"/>
    <mergeCell ref="K15:L15"/>
    <mergeCell ref="B16:C16"/>
    <mergeCell ref="D16:F16"/>
    <mergeCell ref="K16:L16"/>
    <mergeCell ref="B18:C18"/>
    <mergeCell ref="D18:F18"/>
    <mergeCell ref="K18:L18"/>
    <mergeCell ref="B19:C19"/>
    <mergeCell ref="D19:F19"/>
    <mergeCell ref="K19:L19"/>
    <mergeCell ref="K26:L26"/>
    <mergeCell ref="C27:F27"/>
    <mergeCell ref="B39:L39"/>
    <mergeCell ref="K20:L20"/>
    <mergeCell ref="K21:L21"/>
    <mergeCell ref="K22:L22"/>
    <mergeCell ref="K23:L23"/>
    <mergeCell ref="K24:L24"/>
    <mergeCell ref="K25:L25"/>
  </mergeCells>
  <conditionalFormatting sqref="C21:C22">
    <cfRule type="containsBlanks" dxfId="5" priority="3">
      <formula>LEN(TRIM(C21))=0</formula>
    </cfRule>
  </conditionalFormatting>
  <conditionalFormatting sqref="D16:F19">
    <cfRule type="containsBlanks" dxfId="4" priority="2">
      <formula>LEN(TRIM(D16))=0</formula>
    </cfRule>
  </conditionalFormatting>
  <conditionalFormatting sqref="F24">
    <cfRule type="containsBlanks" dxfId="3" priority="1">
      <formula>LEN(TRIM(F24))=0</formula>
    </cfRule>
  </conditionalFormatting>
  <pageMargins left="0.70866141732283472" right="0.70866141732283472" top="0.62678571428571428" bottom="0.35433070866141736" header="0.31496062992125984" footer="0.31496062992125984"/>
  <pageSetup paperSize="9" scale="60" orientation="landscape" r:id="rId1"/>
  <headerFooter>
    <oddHeader>&amp;L&amp;"Arial,Tučné"&amp;9Príloha č. 9 Výzvy na predkladanie ponúk &amp;"Arial,Normálne"
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0</vt:i4>
      </vt:variant>
      <vt:variant>
        <vt:lpstr>Pomenované rozsahy</vt:lpstr>
      </vt:variant>
      <vt:variant>
        <vt:i4>10</vt:i4>
      </vt:variant>
    </vt:vector>
  </HeadingPairs>
  <TitlesOfParts>
    <vt:vector size="20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Príloha č.8 </vt:lpstr>
      <vt:lpstr>Príloha č.9</vt:lpstr>
      <vt:lpstr>Príloha č.10</vt:lpstr>
      <vt:lpstr>'Príloha č.1'!Oblasť_tlače</vt:lpstr>
      <vt:lpstr>'Príloha č.10'!Oblasť_tlače</vt:lpstr>
      <vt:lpstr>'Príloha č.2'!Oblasť_tlače</vt:lpstr>
      <vt:lpstr>'Príloha č.3'!Oblasť_tlače</vt:lpstr>
      <vt:lpstr>'Príloha č.4'!Oblasť_tlače</vt:lpstr>
      <vt:lpstr>'Príloha č.5'!Oblasť_tlače</vt:lpstr>
      <vt:lpstr>'Príloha č.6'!Oblasť_tlače</vt:lpstr>
      <vt:lpstr>'Príloha č.7'!Oblasť_tlače</vt:lpstr>
      <vt:lpstr>'Príloha č.8 '!Oblasť_tlače</vt:lpstr>
      <vt:lpstr>'Príloha č.9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5-10-23T09:08:47Z</cp:lastPrinted>
  <dcterms:created xsi:type="dcterms:W3CDTF">2017-08-18T08:10:31Z</dcterms:created>
  <dcterms:modified xsi:type="dcterms:W3CDTF">2025-11-18T13:31:46Z</dcterms:modified>
</cp:coreProperties>
</file>